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drawings/drawing1.xml" ContentType="application/vnd.openxmlformats-officedocument.drawingml.chartshapes+xml"/>
  <Override PartName="/ppt/notesSlides/notesSlide4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changesInfos/changesInfo1.xml" ContentType="application/vnd.ms-powerpoint.changesinfo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2" r:id="rId1"/>
  </p:sldMasterIdLst>
  <p:notesMasterIdLst>
    <p:notesMasterId r:id="rId62"/>
  </p:notesMasterIdLst>
  <p:sldIdLst>
    <p:sldId id="2819" r:id="rId2"/>
    <p:sldId id="2893" r:id="rId3"/>
    <p:sldId id="819" r:id="rId4"/>
    <p:sldId id="685" r:id="rId5"/>
    <p:sldId id="1029" r:id="rId6"/>
    <p:sldId id="1702" r:id="rId7"/>
    <p:sldId id="689" r:id="rId8"/>
    <p:sldId id="1139" r:id="rId9"/>
    <p:sldId id="2895" r:id="rId10"/>
    <p:sldId id="540" r:id="rId11"/>
    <p:sldId id="1708" r:id="rId12"/>
    <p:sldId id="1705" r:id="rId13"/>
    <p:sldId id="1188" r:id="rId14"/>
    <p:sldId id="1032" r:id="rId15"/>
    <p:sldId id="1053" r:id="rId16"/>
    <p:sldId id="1082" r:id="rId17"/>
    <p:sldId id="1059" r:id="rId18"/>
    <p:sldId id="425" r:id="rId19"/>
    <p:sldId id="2844" r:id="rId20"/>
    <p:sldId id="267" r:id="rId21"/>
    <p:sldId id="2869" r:id="rId22"/>
    <p:sldId id="2870" r:id="rId23"/>
    <p:sldId id="2897" r:id="rId24"/>
    <p:sldId id="2849" r:id="rId25"/>
    <p:sldId id="426" r:id="rId26"/>
    <p:sldId id="2879" r:id="rId27"/>
    <p:sldId id="2880" r:id="rId28"/>
    <p:sldId id="2881" r:id="rId29"/>
    <p:sldId id="1149" r:id="rId30"/>
    <p:sldId id="2901" r:id="rId31"/>
    <p:sldId id="344" r:id="rId32"/>
    <p:sldId id="798" r:id="rId33"/>
    <p:sldId id="427" r:id="rId34"/>
    <p:sldId id="1716" r:id="rId35"/>
    <p:sldId id="2900" r:id="rId36"/>
    <p:sldId id="2778" r:id="rId37"/>
    <p:sldId id="2782" r:id="rId38"/>
    <p:sldId id="257" r:id="rId39"/>
    <p:sldId id="1679" r:id="rId40"/>
    <p:sldId id="2771" r:id="rId41"/>
    <p:sldId id="430" r:id="rId42"/>
    <p:sldId id="2896" r:id="rId43"/>
    <p:sldId id="1256" r:id="rId44"/>
    <p:sldId id="295" r:id="rId45"/>
    <p:sldId id="296" r:id="rId46"/>
    <p:sldId id="667" r:id="rId47"/>
    <p:sldId id="1676" r:id="rId48"/>
    <p:sldId id="1252" r:id="rId49"/>
    <p:sldId id="1127" r:id="rId50"/>
    <p:sldId id="987" r:id="rId51"/>
    <p:sldId id="1081" r:id="rId52"/>
    <p:sldId id="2766" r:id="rId53"/>
    <p:sldId id="1255" r:id="rId54"/>
    <p:sldId id="1207" r:id="rId55"/>
    <p:sldId id="1293" r:id="rId56"/>
    <p:sldId id="817" r:id="rId57"/>
    <p:sldId id="2759" r:id="rId58"/>
    <p:sldId id="1280" r:id="rId59"/>
    <p:sldId id="1725" r:id="rId60"/>
    <p:sldId id="2767" r:id="rId61"/>
  </p:sldIdLst>
  <p:sldSz cx="9144000" cy="6858000" type="screen4x3"/>
  <p:notesSz cx="6735763" cy="9866313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BFBCDECB-9651-4182-BD0E-B931606F27C9}" v="143" dt="2024-01-09T08:41:45.317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000" autoAdjust="0"/>
    <p:restoredTop sz="94660"/>
  </p:normalViewPr>
  <p:slideViewPr>
    <p:cSldViewPr snapToGrid="0">
      <p:cViewPr varScale="1">
        <p:scale>
          <a:sx n="59" d="100"/>
          <a:sy n="59" d="100"/>
        </p:scale>
        <p:origin x="1296" y="4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presProps" Target="presProps.xml"/><Relationship Id="rId68" Type="http://schemas.microsoft.com/office/2015/10/relationships/revisionInfo" Target="revisionInfo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slide" Target="slides/slide60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viewProps" Target="view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microsoft.com/office/2016/11/relationships/changesInfo" Target="changesInfos/changesInfo1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notesMaster" Target="notesMasters/notesMaster1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芳彦 植野" userId="86ab4e6fb1040a80" providerId="LiveId" clId="{BFBCDECB-9651-4182-BD0E-B931606F27C9}"/>
    <pc:docChg chg="undo custSel addSld delSld modSld modMainMaster modNotesMaster">
      <pc:chgData name="芳彦 植野" userId="86ab4e6fb1040a80" providerId="LiveId" clId="{BFBCDECB-9651-4182-BD0E-B931606F27C9}" dt="2024-01-09T08:41:49.314" v="5355" actId="20577"/>
      <pc:docMkLst>
        <pc:docMk/>
      </pc:docMkLst>
      <pc:sldChg chg="modSp">
        <pc:chgData name="芳彦 植野" userId="86ab4e6fb1040a80" providerId="LiveId" clId="{BFBCDECB-9651-4182-BD0E-B931606F27C9}" dt="2024-01-08T08:19:19.004" v="4732"/>
        <pc:sldMkLst>
          <pc:docMk/>
          <pc:sldMk cId="2263329969" sldId="257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263329969" sldId="257"/>
            <ac:spMk id="3" creationId="{FBE73FDB-BE59-3C20-C3E6-497C3F51CB5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263329969" sldId="257"/>
            <ac:spMk id="4" creationId="{25A9F0EF-0144-97DD-FB4F-799551DCB9E2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2263329969" sldId="257"/>
            <ac:picMk id="2" creationId="{ACD4CCAC-F535-373A-6CAD-74E6F3BC0A5C}"/>
          </ac:picMkLst>
        </pc:picChg>
      </pc:sldChg>
      <pc:sldChg chg="modSp add del mod setBg">
        <pc:chgData name="芳彦 植野" userId="86ab4e6fb1040a80" providerId="LiveId" clId="{BFBCDECB-9651-4182-BD0E-B931606F27C9}" dt="2023-10-21T21:51:08.598" v="4401" actId="2696"/>
        <pc:sldMkLst>
          <pc:docMk/>
          <pc:sldMk cId="0" sldId="258"/>
        </pc:sldMkLst>
        <pc:spChg chg="mod">
          <ac:chgData name="芳彦 植野" userId="86ab4e6fb1040a80" providerId="LiveId" clId="{BFBCDECB-9651-4182-BD0E-B931606F27C9}" dt="2023-09-24T03:11:53.009" v="67" actId="255"/>
          <ac:spMkLst>
            <pc:docMk/>
            <pc:sldMk cId="0" sldId="258"/>
            <ac:spMk id="4" creationId="{00000000-0000-0000-0000-000000000000}"/>
          </ac:spMkLst>
        </pc:spChg>
        <pc:spChg chg="mod">
          <ac:chgData name="芳彦 植野" userId="86ab4e6fb1040a80" providerId="LiveId" clId="{BFBCDECB-9651-4182-BD0E-B931606F27C9}" dt="2023-09-24T03:12:49.513" v="73" actId="255"/>
          <ac:spMkLst>
            <pc:docMk/>
            <pc:sldMk cId="0" sldId="258"/>
            <ac:spMk id="15" creationId="{00000000-0000-0000-0000-000000000000}"/>
          </ac:spMkLst>
        </pc:spChg>
      </pc:sldChg>
      <pc:sldChg chg="modSp add del mod setBg">
        <pc:chgData name="芳彦 植野" userId="86ab4e6fb1040a80" providerId="LiveId" clId="{BFBCDECB-9651-4182-BD0E-B931606F27C9}" dt="2023-09-24T03:16:39.803" v="80" actId="2696"/>
        <pc:sldMkLst>
          <pc:docMk/>
          <pc:sldMk cId="0" sldId="259"/>
        </pc:sldMkLst>
        <pc:spChg chg="mod">
          <ac:chgData name="芳彦 植野" userId="86ab4e6fb1040a80" providerId="LiveId" clId="{BFBCDECB-9651-4182-BD0E-B931606F27C9}" dt="2023-09-24T03:13:18.804" v="76" actId="255"/>
          <ac:spMkLst>
            <pc:docMk/>
            <pc:sldMk cId="0" sldId="259"/>
            <ac:spMk id="18" creationId="{00000000-0000-0000-0000-000000000000}"/>
          </ac:spMkLst>
        </pc:spChg>
        <pc:spChg chg="mod">
          <ac:chgData name="芳彦 植野" userId="86ab4e6fb1040a80" providerId="LiveId" clId="{BFBCDECB-9651-4182-BD0E-B931606F27C9}" dt="2023-09-24T03:13:39.028" v="77" actId="1076"/>
          <ac:spMkLst>
            <pc:docMk/>
            <pc:sldMk cId="0" sldId="259"/>
            <ac:spMk id="25" creationId="{00000000-0000-0000-0000-000000000000}"/>
          </ac:spMkLst>
        </pc:spChg>
      </pc:sldChg>
      <pc:sldChg chg="add del">
        <pc:chgData name="芳彦 植野" userId="86ab4e6fb1040a80" providerId="LiveId" clId="{BFBCDECB-9651-4182-BD0E-B931606F27C9}" dt="2023-09-24T07:41:52.024" v="774" actId="2696"/>
        <pc:sldMkLst>
          <pc:docMk/>
          <pc:sldMk cId="1531772950" sldId="260"/>
        </pc:sldMkLst>
      </pc:sldChg>
      <pc:sldChg chg="del">
        <pc:chgData name="芳彦 植野" userId="86ab4e6fb1040a80" providerId="LiveId" clId="{BFBCDECB-9651-4182-BD0E-B931606F27C9}" dt="2023-09-24T07:41:25.806" v="772" actId="2696"/>
        <pc:sldMkLst>
          <pc:docMk/>
          <pc:sldMk cId="3864494719" sldId="260"/>
        </pc:sldMkLst>
      </pc:sldChg>
      <pc:sldChg chg="add del setBg">
        <pc:chgData name="芳彦 植野" userId="86ab4e6fb1040a80" providerId="LiveId" clId="{BFBCDECB-9651-4182-BD0E-B931606F27C9}" dt="2023-09-24T03:16:37.768" v="79" actId="2696"/>
        <pc:sldMkLst>
          <pc:docMk/>
          <pc:sldMk cId="0" sldId="261"/>
        </pc:sldMkLst>
      </pc:sldChg>
      <pc:sldChg chg="modSp add del mod setBg">
        <pc:chgData name="芳彦 植野" userId="86ab4e6fb1040a80" providerId="LiveId" clId="{BFBCDECB-9651-4182-BD0E-B931606F27C9}" dt="2023-10-21T21:51:09.377" v="4402" actId="2696"/>
        <pc:sldMkLst>
          <pc:docMk/>
          <pc:sldMk cId="0" sldId="262"/>
        </pc:sldMkLst>
        <pc:spChg chg="mod">
          <ac:chgData name="芳彦 植野" userId="86ab4e6fb1040a80" providerId="LiveId" clId="{BFBCDECB-9651-4182-BD0E-B931606F27C9}" dt="2023-09-24T03:24:18.845" v="368" actId="255"/>
          <ac:spMkLst>
            <pc:docMk/>
            <pc:sldMk cId="0" sldId="262"/>
            <ac:spMk id="39" creationId="{00000000-0000-0000-0000-000000000000}"/>
          </ac:spMkLst>
        </pc:spChg>
        <pc:spChg chg="mod">
          <ac:chgData name="芳彦 植野" userId="86ab4e6fb1040a80" providerId="LiveId" clId="{BFBCDECB-9651-4182-BD0E-B931606F27C9}" dt="2023-09-24T03:23:21.824" v="365" actId="14100"/>
          <ac:spMkLst>
            <pc:docMk/>
            <pc:sldMk cId="0" sldId="262"/>
            <ac:spMk id="44" creationId="{00000000-0000-0000-0000-000000000000}"/>
          </ac:spMkLst>
        </pc:spChg>
      </pc:sldChg>
      <pc:sldChg chg="modSp add del mod setBg">
        <pc:chgData name="芳彦 植野" userId="86ab4e6fb1040a80" providerId="LiveId" clId="{BFBCDECB-9651-4182-BD0E-B931606F27C9}" dt="2023-10-21T21:51:10.237" v="4403" actId="2696"/>
        <pc:sldMkLst>
          <pc:docMk/>
          <pc:sldMk cId="0" sldId="263"/>
        </pc:sldMkLst>
        <pc:spChg chg="mod">
          <ac:chgData name="芳彦 植野" userId="86ab4e6fb1040a80" providerId="LiveId" clId="{BFBCDECB-9651-4182-BD0E-B931606F27C9}" dt="2023-09-24T03:20:58.138" v="359" actId="255"/>
          <ac:spMkLst>
            <pc:docMk/>
            <pc:sldMk cId="0" sldId="263"/>
            <ac:spMk id="46" creationId="{00000000-0000-0000-0000-000000000000}"/>
          </ac:spMkLst>
        </pc:spChg>
        <pc:spChg chg="mod">
          <ac:chgData name="芳彦 植野" userId="86ab4e6fb1040a80" providerId="LiveId" clId="{BFBCDECB-9651-4182-BD0E-B931606F27C9}" dt="2023-09-24T03:20:45.040" v="358" actId="20577"/>
          <ac:spMkLst>
            <pc:docMk/>
            <pc:sldMk cId="0" sldId="263"/>
            <ac:spMk id="49" creationId="{00000000-0000-0000-0000-000000000000}"/>
          </ac:spMkLst>
        </pc:spChg>
      </pc:sldChg>
      <pc:sldChg chg="modSp add del">
        <pc:chgData name="芳彦 植野" userId="86ab4e6fb1040a80" providerId="LiveId" clId="{BFBCDECB-9651-4182-BD0E-B931606F27C9}" dt="2024-01-09T00:39:22.584" v="5225" actId="2696"/>
        <pc:sldMkLst>
          <pc:docMk/>
          <pc:sldMk cId="2530219618" sldId="264"/>
        </pc:sldMkLst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2530219618" sldId="264"/>
            <ac:picMk id="2" creationId="{9DE2262E-B78F-A43B-33F8-494EF740D7F6}"/>
          </ac:picMkLst>
        </pc:picChg>
      </pc:sldChg>
      <pc:sldChg chg="add del setBg">
        <pc:chgData name="芳彦 植野" userId="86ab4e6fb1040a80" providerId="LiveId" clId="{BFBCDECB-9651-4182-BD0E-B931606F27C9}" dt="2023-10-21T21:51:11.929" v="4405" actId="2696"/>
        <pc:sldMkLst>
          <pc:docMk/>
          <pc:sldMk cId="0" sldId="265"/>
        </pc:sldMkLst>
      </pc:sldChg>
      <pc:sldChg chg="add del setBg">
        <pc:chgData name="芳彦 植野" userId="86ab4e6fb1040a80" providerId="LiveId" clId="{BFBCDECB-9651-4182-BD0E-B931606F27C9}" dt="2023-10-21T21:51:12.560" v="4406" actId="2696"/>
        <pc:sldMkLst>
          <pc:docMk/>
          <pc:sldMk cId="0" sldId="266"/>
        </pc:sldMkLst>
      </pc:sldChg>
      <pc:sldChg chg="modSp add mod">
        <pc:chgData name="芳彦 植野" userId="86ab4e6fb1040a80" providerId="LiveId" clId="{BFBCDECB-9651-4182-BD0E-B931606F27C9}" dt="2024-01-08T08:25:38.373" v="4792" actId="14100"/>
        <pc:sldMkLst>
          <pc:docMk/>
          <pc:sldMk cId="0" sldId="267"/>
        </pc:sldMkLst>
        <pc:spChg chg="mod">
          <ac:chgData name="芳彦 植野" userId="86ab4e6fb1040a80" providerId="LiveId" clId="{BFBCDECB-9651-4182-BD0E-B931606F27C9}" dt="2024-01-08T08:25:38.373" v="4792" actId="14100"/>
          <ac:spMkLst>
            <pc:docMk/>
            <pc:sldMk cId="0" sldId="267"/>
            <ac:spMk id="35" creationId="{00000000-0000-0000-0000-000000000000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67"/>
            <ac:picMk id="2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67"/>
            <ac:picMk id="3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67"/>
            <ac:picMk id="4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67"/>
            <ac:picMk id="36" creationId="{00000000-0000-0000-0000-000000000000}"/>
          </ac:picMkLst>
        </pc:picChg>
      </pc:sldChg>
      <pc:sldChg chg="add">
        <pc:chgData name="芳彦 植野" userId="86ab4e6fb1040a80" providerId="LiveId" clId="{BFBCDECB-9651-4182-BD0E-B931606F27C9}" dt="2024-01-08T22:45:31.346" v="5218"/>
        <pc:sldMkLst>
          <pc:docMk/>
          <pc:sldMk cId="0" sldId="295"/>
        </pc:sldMkLst>
      </pc:sldChg>
      <pc:sldChg chg="add">
        <pc:chgData name="芳彦 植野" userId="86ab4e6fb1040a80" providerId="LiveId" clId="{BFBCDECB-9651-4182-BD0E-B931606F27C9}" dt="2024-01-08T22:45:14.742" v="5217"/>
        <pc:sldMkLst>
          <pc:docMk/>
          <pc:sldMk cId="0" sldId="296"/>
        </pc:sldMkLst>
      </pc:sldChg>
      <pc:sldChg chg="add">
        <pc:chgData name="芳彦 植野" userId="86ab4e6fb1040a80" providerId="LiveId" clId="{BFBCDECB-9651-4182-BD0E-B931606F27C9}" dt="2024-01-08T20:58:11.143" v="5186"/>
        <pc:sldMkLst>
          <pc:docMk/>
          <pc:sldMk cId="2446934337" sldId="344"/>
        </pc:sldMkLst>
      </pc:sldChg>
      <pc:sldChg chg="del">
        <pc:chgData name="芳彦 植野" userId="86ab4e6fb1040a80" providerId="LiveId" clId="{BFBCDECB-9651-4182-BD0E-B931606F27C9}" dt="2023-09-23T20:56:58.363" v="23" actId="2696"/>
        <pc:sldMkLst>
          <pc:docMk/>
          <pc:sldMk cId="2170547871" sldId="356"/>
        </pc:sldMkLst>
      </pc:sldChg>
      <pc:sldChg chg="add">
        <pc:chgData name="芳彦 植野" userId="86ab4e6fb1040a80" providerId="LiveId" clId="{BFBCDECB-9651-4182-BD0E-B931606F27C9}" dt="2024-01-08T20:57:46.131" v="5185"/>
        <pc:sldMkLst>
          <pc:docMk/>
          <pc:sldMk cId="891002754" sldId="425"/>
        </pc:sldMkLst>
      </pc:sldChg>
      <pc:sldChg chg="add modTransition">
        <pc:chgData name="芳彦 植野" userId="86ab4e6fb1040a80" providerId="LiveId" clId="{BFBCDECB-9651-4182-BD0E-B931606F27C9}" dt="2024-01-08T20:06:04.027" v="4973"/>
        <pc:sldMkLst>
          <pc:docMk/>
          <pc:sldMk cId="4272232827" sldId="426"/>
        </pc:sldMkLst>
      </pc:sldChg>
      <pc:sldChg chg="modSp">
        <pc:chgData name="芳彦 植野" userId="86ab4e6fb1040a80" providerId="LiveId" clId="{BFBCDECB-9651-4182-BD0E-B931606F27C9}" dt="2024-01-08T08:19:19.004" v="4732"/>
        <pc:sldMkLst>
          <pc:docMk/>
          <pc:sldMk cId="812724044" sldId="427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812724044" sldId="427"/>
            <ac:spMk id="2" creationId="{C65462AF-0CCE-443F-5A7F-7384192F70D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812724044" sldId="427"/>
            <ac:spMk id="32770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812724044" sldId="427"/>
            <ac:spMk id="32776" creationId="{00000000-0000-0000-0000-000000000000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812724044" sldId="427"/>
            <ac:picMk id="6146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812724044" sldId="427"/>
            <ac:picMk id="32772" creationId="{00000000-0000-0000-0000-000000000000}"/>
          </ac:picMkLst>
        </pc:picChg>
      </pc:sldChg>
      <pc:sldChg chg="modSp del mod">
        <pc:chgData name="芳彦 植野" userId="86ab4e6fb1040a80" providerId="LiveId" clId="{BFBCDECB-9651-4182-BD0E-B931606F27C9}" dt="2024-01-08T20:54:11.923" v="5117" actId="2696"/>
        <pc:sldMkLst>
          <pc:docMk/>
          <pc:sldMk cId="771682517" sldId="430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771682517" sldId="430"/>
            <ac:spMk id="2" creationId="{4B7CAAFB-F86D-B13C-48B2-5894A9F094A0}"/>
          </ac:spMkLst>
        </pc:spChg>
        <pc:spChg chg="mod">
          <ac:chgData name="芳彦 植野" userId="86ab4e6fb1040a80" providerId="LiveId" clId="{BFBCDECB-9651-4182-BD0E-B931606F27C9}" dt="2024-01-08T19:56:46.926" v="4961" actId="1076"/>
          <ac:spMkLst>
            <pc:docMk/>
            <pc:sldMk cId="771682517" sldId="430"/>
            <ac:spMk id="9" creationId="{DFF45E3E-A9F4-62D9-EA2A-096F650BB7E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771682517" sldId="430"/>
            <ac:spMk id="82949" creationId="{6BA05BE0-29D2-F91E-7968-92762EFCEAC7}"/>
          </ac:spMkLst>
        </pc:spChg>
        <pc:spChg chg="mod">
          <ac:chgData name="芳彦 植野" userId="86ab4e6fb1040a80" providerId="LiveId" clId="{BFBCDECB-9651-4182-BD0E-B931606F27C9}" dt="2024-01-08T19:57:02.887" v="4962" actId="20577"/>
          <ac:spMkLst>
            <pc:docMk/>
            <pc:sldMk cId="771682517" sldId="430"/>
            <ac:spMk id="82950" creationId="{3876EEFF-F427-5BFB-2E42-9F8C3FACAA26}"/>
          </ac:spMkLst>
        </pc:spChg>
        <pc:picChg chg="mod">
          <ac:chgData name="芳彦 植野" userId="86ab4e6fb1040a80" providerId="LiveId" clId="{BFBCDECB-9651-4182-BD0E-B931606F27C9}" dt="2024-01-08T19:56:40.119" v="4960" actId="14100"/>
          <ac:picMkLst>
            <pc:docMk/>
            <pc:sldMk cId="771682517" sldId="430"/>
            <ac:picMk id="82946" creationId="{5957F8BB-4AB7-3682-E221-E318F21884C1}"/>
          </ac:picMkLst>
        </pc:picChg>
        <pc:picChg chg="mod">
          <ac:chgData name="芳彦 植野" userId="86ab4e6fb1040a80" providerId="LiveId" clId="{BFBCDECB-9651-4182-BD0E-B931606F27C9}" dt="2024-01-08T19:56:33.757" v="4958" actId="1076"/>
          <ac:picMkLst>
            <pc:docMk/>
            <pc:sldMk cId="771682517" sldId="430"/>
            <ac:picMk id="82947" creationId="{EC6031CB-141F-48C6-3A40-1A2829C215CB}"/>
          </ac:picMkLst>
        </pc:picChg>
        <pc:picChg chg="mod">
          <ac:chgData name="芳彦 植野" userId="86ab4e6fb1040a80" providerId="LiveId" clId="{BFBCDECB-9651-4182-BD0E-B931606F27C9}" dt="2024-01-08T19:56:23.248" v="4955" actId="14100"/>
          <ac:picMkLst>
            <pc:docMk/>
            <pc:sldMk cId="771682517" sldId="430"/>
            <ac:picMk id="82951" creationId="{C82D6608-E128-0BAA-3E43-2EF76350CCE7}"/>
          </ac:picMkLst>
        </pc:picChg>
      </pc:sldChg>
      <pc:sldChg chg="del">
        <pc:chgData name="芳彦 植野" userId="86ab4e6fb1040a80" providerId="LiveId" clId="{BFBCDECB-9651-4182-BD0E-B931606F27C9}" dt="2023-09-23T20:57:07.820" v="27" actId="2696"/>
        <pc:sldMkLst>
          <pc:docMk/>
          <pc:sldMk cId="872061318" sldId="443"/>
        </pc:sldMkLst>
      </pc:sldChg>
      <pc:sldChg chg="modSp add">
        <pc:chgData name="芳彦 植野" userId="86ab4e6fb1040a80" providerId="LiveId" clId="{BFBCDECB-9651-4182-BD0E-B931606F27C9}" dt="2024-01-08T08:19:19.004" v="4732"/>
        <pc:sldMkLst>
          <pc:docMk/>
          <pc:sldMk cId="0" sldId="540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540"/>
            <ac:spMk id="2" creationId="{FFA8C8A6-5281-756A-6528-C5FEEC7BF21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540"/>
            <ac:spMk id="7" creationId="{F251A27F-A19C-A67B-E04E-948A86AD11D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540"/>
            <ac:spMk id="47107" creationId="{88D483CF-96E3-1D92-96BF-20FCFA38103A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540"/>
            <ac:picMk id="47106" creationId="{73296A70-2CC3-8308-785F-35F21BF0F88E}"/>
          </ac:picMkLst>
        </pc:picChg>
      </pc:sldChg>
      <pc:sldChg chg="modSp add del">
        <pc:chgData name="芳彦 植野" userId="86ab4e6fb1040a80" providerId="LiveId" clId="{BFBCDECB-9651-4182-BD0E-B931606F27C9}" dt="2024-01-08T20:56:48.683" v="5183"/>
        <pc:sldMkLst>
          <pc:docMk/>
          <pc:sldMk cId="0" sldId="667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67"/>
            <ac:spMk id="8198" creationId="{28A78296-D690-CC50-2E64-B86074623B2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67"/>
            <ac:spMk id="99330" creationId="{42524CFC-2502-6425-3424-F552648CCBF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67"/>
            <ac:spMk id="99331" creationId="{1D8A57E5-DD49-242B-2CBA-B6BEE0843EFA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667"/>
            <ac:picMk id="99332" creationId="{AFD2DA12-0707-7211-FEAA-3FA5EDDB5018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667"/>
            <ac:picMk id="99333" creationId="{35AAE8C1-801A-908E-875C-DD8D21F97EC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667"/>
            <ac:picMk id="99335" creationId="{6EF8535D-18DB-E445-4E1C-F873FB15E0A4}"/>
          </ac:picMkLst>
        </pc:picChg>
      </pc:sldChg>
      <pc:sldChg chg="add del">
        <pc:chgData name="芳彦 植野" userId="86ab4e6fb1040a80" providerId="LiveId" clId="{BFBCDECB-9651-4182-BD0E-B931606F27C9}" dt="2024-01-08T20:07:39.997" v="4976" actId="2696"/>
        <pc:sldMkLst>
          <pc:docMk/>
          <pc:sldMk cId="1217630155" sldId="667"/>
        </pc:sldMkLst>
      </pc:sldChg>
      <pc:sldChg chg="modSp modNotes">
        <pc:chgData name="芳彦 植野" userId="86ab4e6fb1040a80" providerId="LiveId" clId="{BFBCDECB-9651-4182-BD0E-B931606F27C9}" dt="2024-01-08T08:19:19.004" v="4732"/>
        <pc:sldMkLst>
          <pc:docMk/>
          <pc:sldMk cId="0" sldId="685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85"/>
            <ac:spMk id="26626" creationId="{3DFE4A8F-EEF0-1A61-FC40-4B4281F14D3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85"/>
            <ac:spMk id="26627" creationId="{F6A36184-DBC9-E0BB-EAC4-34225B16A20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85"/>
            <ac:spMk id="26629" creationId="{D1743A69-6FE7-9CFD-317B-4B5F319DCF2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85"/>
            <ac:spMk id="26630" creationId="{4F0E5A42-AADE-7BDD-A00D-CBC9ACDBE848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85"/>
            <ac:spMk id="26631" creationId="{30258906-DD08-6802-CA87-ACAB016DC5A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85"/>
            <ac:spMk id="26632" creationId="{922DB471-05F7-C014-6FA4-2DA431FBA9BA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85"/>
            <ac:spMk id="26633" creationId="{79993117-F2C2-40AE-9ECD-71860CFE432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685"/>
            <ac:spMk id="26637" creationId="{DF8BE285-17BA-9B4E-6273-AD8DE5BBA993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685"/>
            <ac:picMk id="2" creationId="{EB2BF3A2-A2F8-414A-65E2-7F3F6337E6D8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685"/>
            <ac:picMk id="26628" creationId="{D0D6FCCF-0B80-7686-A551-799DB11387D5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685"/>
            <ac:picMk id="26634" creationId="{E608B4D8-5050-22FB-5024-50DB03D4E297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685"/>
            <ac:picMk id="26636" creationId="{45A9B060-AC98-ACF2-31D7-E70D12ACE670}"/>
          </ac:picMkLst>
        </pc:picChg>
      </pc:sldChg>
      <pc:sldChg chg="modSp">
        <pc:chgData name="芳彦 植野" userId="86ab4e6fb1040a80" providerId="LiveId" clId="{BFBCDECB-9651-4182-BD0E-B931606F27C9}" dt="2024-01-08T08:19:19.004" v="4732"/>
        <pc:sldMkLst>
          <pc:docMk/>
          <pc:sldMk cId="3957059409" sldId="68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57059409" sldId="689"/>
            <ac:spMk id="2" creationId="{773D8F98-54E0-28D4-CA98-7DAB6033489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57059409" sldId="689"/>
            <ac:spMk id="3" creationId="{70D40441-1A99-02D1-A192-DCB37E879CFA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57059409" sldId="689"/>
            <ac:spMk id="4" creationId="{21F45C90-E535-4F44-FF67-01427C0B3536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57059409" sldId="689"/>
            <ac:spMk id="39939" creationId="{2A965FE7-8D1B-2BE9-7237-B137E86BBDB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57059409" sldId="689"/>
            <ac:spMk id="39940" creationId="{BDBBAB6F-BF73-76B0-2F7A-8EAE5031EEEE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57059409" sldId="689"/>
            <ac:spMk id="39942" creationId="{74A06C08-6411-EFBD-BC05-DE7428253E2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57059409" sldId="689"/>
            <ac:spMk id="39943" creationId="{605EA94D-5753-9B07-CF87-2D555F8C28B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57059409" sldId="689"/>
            <ac:spMk id="39944" creationId="{52CD0DA9-E152-117B-440D-D2D25B99188C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3957059409" sldId="689"/>
            <ac:picMk id="39938" creationId="{A8BAA17F-02DC-1D32-DB06-E98373F8AE95}"/>
          </ac:picMkLst>
        </pc:picChg>
      </pc:sldChg>
      <pc:sldChg chg="modSp add del mod modTransition">
        <pc:chgData name="芳彦 植野" userId="86ab4e6fb1040a80" providerId="LiveId" clId="{BFBCDECB-9651-4182-BD0E-B931606F27C9}" dt="2024-01-08T20:57:00.081" v="5184" actId="2696"/>
        <pc:sldMkLst>
          <pc:docMk/>
          <pc:sldMk cId="0" sldId="751"/>
        </pc:sldMkLst>
        <pc:spChg chg="mod">
          <ac:chgData name="芳彦 植野" userId="86ab4e6fb1040a80" providerId="LiveId" clId="{BFBCDECB-9651-4182-BD0E-B931606F27C9}" dt="2024-01-08T20:53:09.576" v="5114" actId="6549"/>
          <ac:spMkLst>
            <pc:docMk/>
            <pc:sldMk cId="0" sldId="751"/>
            <ac:spMk id="19" creationId="{889DDE9C-83E3-4F57-BC34-75DE5041C053}"/>
          </ac:spMkLst>
        </pc:spChg>
      </pc:sldChg>
      <pc:sldChg chg="del">
        <pc:chgData name="芳彦 植野" userId="86ab4e6fb1040a80" providerId="LiveId" clId="{BFBCDECB-9651-4182-BD0E-B931606F27C9}" dt="2023-09-23T20:56:53.618" v="22" actId="2696"/>
        <pc:sldMkLst>
          <pc:docMk/>
          <pc:sldMk cId="1246725364" sldId="769"/>
        </pc:sldMkLst>
      </pc:sldChg>
      <pc:sldChg chg="modSp del">
        <pc:chgData name="芳彦 植野" userId="86ab4e6fb1040a80" providerId="LiveId" clId="{BFBCDECB-9651-4182-BD0E-B931606F27C9}" dt="2024-01-08T20:58:30.049" v="5188" actId="2696"/>
        <pc:sldMkLst>
          <pc:docMk/>
          <pc:sldMk cId="3009222324" sldId="78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009222324" sldId="789"/>
            <ac:spMk id="3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009222324" sldId="789"/>
            <ac:spMk id="5" creationId="{3F9DE34C-7F54-2004-F5CF-62AD029C9586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009222324" sldId="789"/>
            <ac:spMk id="9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009222324" sldId="789"/>
            <ac:spMk id="26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009222324" sldId="789"/>
            <ac:spMk id="27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009222324" sldId="789"/>
            <ac:spMk id="28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009222324" sldId="789"/>
            <ac:spMk id="29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009222324" sldId="789"/>
            <ac:spMk id="30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009222324" sldId="789"/>
            <ac:spMk id="31" creationId="{00000000-0000-0000-0000-000000000000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3009222324" sldId="789"/>
            <ac:picMk id="2" creationId="{413168E6-6A3C-4308-A7FB-F33D827B6C35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3009222324" sldId="789"/>
            <ac:picMk id="4" creationId="{B38E1A83-9D31-4281-A39C-B99D084AF2E9}"/>
          </ac:picMkLst>
        </pc:picChg>
      </pc:sldChg>
      <pc:sldChg chg="modSp mod">
        <pc:chgData name="芳彦 植野" userId="86ab4e6fb1040a80" providerId="LiveId" clId="{BFBCDECB-9651-4182-BD0E-B931606F27C9}" dt="2024-01-08T19:58:12.662" v="4969" actId="14100"/>
        <pc:sldMkLst>
          <pc:docMk/>
          <pc:sldMk cId="2278124977" sldId="798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278124977" sldId="798"/>
            <ac:spMk id="2" creationId="{00000000-0000-0000-0000-000000000000}"/>
          </ac:spMkLst>
        </pc:spChg>
        <pc:spChg chg="mod">
          <ac:chgData name="芳彦 植野" userId="86ab4e6fb1040a80" providerId="LiveId" clId="{BFBCDECB-9651-4182-BD0E-B931606F27C9}" dt="2024-01-08T19:57:54.816" v="4964" actId="255"/>
          <ac:spMkLst>
            <pc:docMk/>
            <pc:sldMk cId="2278124977" sldId="798"/>
            <ac:spMk id="3" creationId="{00000000-0000-0000-0000-000000000000}"/>
          </ac:spMkLst>
        </pc:spChg>
        <pc:picChg chg="mod">
          <ac:chgData name="芳彦 植野" userId="86ab4e6fb1040a80" providerId="LiveId" clId="{BFBCDECB-9651-4182-BD0E-B931606F27C9}" dt="2024-01-08T19:58:10.245" v="4968" actId="14100"/>
          <ac:picMkLst>
            <pc:docMk/>
            <pc:sldMk cId="2278124977" sldId="798"/>
            <ac:picMk id="1026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19:58:12.662" v="4969" actId="14100"/>
          <ac:picMkLst>
            <pc:docMk/>
            <pc:sldMk cId="2278124977" sldId="798"/>
            <ac:picMk id="1028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19:58:02.713" v="4965" actId="1076"/>
          <ac:picMkLst>
            <pc:docMk/>
            <pc:sldMk cId="2278124977" sldId="798"/>
            <ac:picMk id="1029" creationId="{00000000-0000-0000-0000-000000000000}"/>
          </ac:picMkLst>
        </pc:picChg>
      </pc:sldChg>
      <pc:sldChg chg="add">
        <pc:chgData name="芳彦 植野" userId="86ab4e6fb1040a80" providerId="LiveId" clId="{BFBCDECB-9651-4182-BD0E-B931606F27C9}" dt="2024-01-08T21:01:15.903" v="5196"/>
        <pc:sldMkLst>
          <pc:docMk/>
          <pc:sldMk cId="3785664088" sldId="817"/>
        </pc:sldMkLst>
      </pc:sldChg>
      <pc:sldChg chg="modSp del mod">
        <pc:chgData name="芳彦 植野" userId="86ab4e6fb1040a80" providerId="LiveId" clId="{BFBCDECB-9651-4182-BD0E-B931606F27C9}" dt="2024-01-08T08:21:58.247" v="4751" actId="20577"/>
        <pc:sldMkLst>
          <pc:docMk/>
          <pc:sldMk cId="2292470653" sldId="819"/>
        </pc:sldMkLst>
        <pc:spChg chg="mod">
          <ac:chgData name="芳彦 植野" userId="86ab4e6fb1040a80" providerId="LiveId" clId="{BFBCDECB-9651-4182-BD0E-B931606F27C9}" dt="2024-01-08T08:21:58.247" v="4751" actId="20577"/>
          <ac:spMkLst>
            <pc:docMk/>
            <pc:sldMk cId="2292470653" sldId="819"/>
            <ac:spMk id="2" creationId="{B69FB8FB-245C-3AEC-CE78-6151EAA81C5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292470653" sldId="819"/>
            <ac:spMk id="65538" creationId="{485805C9-0DE9-9D8A-A5DE-F2EC1F1226DB}"/>
          </ac:spMkLst>
        </pc:spChg>
      </pc:sldChg>
      <pc:sldChg chg="add">
        <pc:chgData name="芳彦 植野" userId="86ab4e6fb1040a80" providerId="LiveId" clId="{BFBCDECB-9651-4182-BD0E-B931606F27C9}" dt="2024-01-08T22:44:48.404" v="5216"/>
        <pc:sldMkLst>
          <pc:docMk/>
          <pc:sldMk cId="0" sldId="987"/>
        </pc:sldMkLst>
      </pc:sldChg>
      <pc:sldChg chg="modSp mod">
        <pc:chgData name="芳彦 植野" userId="86ab4e6fb1040a80" providerId="LiveId" clId="{BFBCDECB-9651-4182-BD0E-B931606F27C9}" dt="2024-01-09T08:41:21.632" v="5352" actId="6549"/>
        <pc:sldMkLst>
          <pc:docMk/>
          <pc:sldMk cId="0" sldId="1029"/>
        </pc:sldMkLst>
        <pc:spChg chg="mod">
          <ac:chgData name="芳彦 植野" userId="86ab4e6fb1040a80" providerId="LiveId" clId="{BFBCDECB-9651-4182-BD0E-B931606F27C9}" dt="2024-01-09T08:39:04.179" v="5231" actId="14100"/>
          <ac:spMkLst>
            <pc:docMk/>
            <pc:sldMk cId="0" sldId="1029"/>
            <ac:spMk id="2" creationId="{90B1694A-D1B6-9AA8-DE9D-357422CA987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29"/>
            <ac:spMk id="3" creationId="{F4C247DB-4753-DC57-CC25-8506F04BC35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29"/>
            <ac:spMk id="66562" creationId="{B4AF6B03-0A84-4ACC-4854-D9A3BC79D2BD}"/>
          </ac:spMkLst>
        </pc:spChg>
        <pc:spChg chg="mod">
          <ac:chgData name="芳彦 植野" userId="86ab4e6fb1040a80" providerId="LiveId" clId="{BFBCDECB-9651-4182-BD0E-B931606F27C9}" dt="2024-01-09T08:41:21.632" v="5352" actId="6549"/>
          <ac:spMkLst>
            <pc:docMk/>
            <pc:sldMk cId="0" sldId="1029"/>
            <ac:spMk id="66563" creationId="{0E20EB7E-1FD7-61E4-54E0-50C14582555A}"/>
          </ac:spMkLst>
        </pc:spChg>
        <pc:spChg chg="mod">
          <ac:chgData name="芳彦 植野" userId="86ab4e6fb1040a80" providerId="LiveId" clId="{BFBCDECB-9651-4182-BD0E-B931606F27C9}" dt="2024-01-09T08:38:48.974" v="5228" actId="1076"/>
          <ac:spMkLst>
            <pc:docMk/>
            <pc:sldMk cId="0" sldId="1029"/>
            <ac:spMk id="66564" creationId="{31B4CD4C-8CB9-DB13-DF02-A3558663E7A6}"/>
          </ac:spMkLst>
        </pc:spChg>
      </pc:sldChg>
      <pc:sldChg chg="modSp add">
        <pc:chgData name="芳彦 植野" userId="86ab4e6fb1040a80" providerId="LiveId" clId="{BFBCDECB-9651-4182-BD0E-B931606F27C9}" dt="2024-01-08T08:19:19.004" v="4732"/>
        <pc:sldMkLst>
          <pc:docMk/>
          <pc:sldMk cId="0" sldId="1032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32"/>
            <ac:spMk id="14338" creationId="{E51199D9-0436-1885-16F3-3570C0B41C4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32"/>
            <ac:spMk id="14340" creationId="{4E9C4E28-E4E2-6B52-4645-247F0FAD9609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032"/>
            <ac:picMk id="14339" creationId="{8A3DD9FE-DBC6-248F-2C4C-69A20D13F6B4}"/>
          </ac:picMkLst>
        </pc:picChg>
      </pc:sldChg>
      <pc:sldChg chg="modSp add">
        <pc:chgData name="芳彦 植野" userId="86ab4e6fb1040a80" providerId="LiveId" clId="{BFBCDECB-9651-4182-BD0E-B931606F27C9}" dt="2024-01-08T08:19:19.004" v="4732"/>
        <pc:sldMkLst>
          <pc:docMk/>
          <pc:sldMk cId="0" sldId="1053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53"/>
            <ac:spMk id="3" creationId="{69C22A28-62E4-3F52-5849-F53ED0C1FCA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53"/>
            <ac:spMk id="7" creationId="{1B29B78D-1D62-B37C-7FA8-CC591B124AC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53"/>
            <ac:spMk id="16386" creationId="{E0CE8333-5164-B2F7-C5CF-74F4C5E5DDB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53"/>
            <ac:spMk id="16389" creationId="{B45CBF73-79BA-E712-BCC8-D4950F2226AF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053"/>
            <ac:picMk id="16387" creationId="{78966322-B9EF-2D35-2FA0-839DBF53959B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053"/>
            <ac:picMk id="16388" creationId="{56DD68AE-DD34-EF11-911A-586C918753A8}"/>
          </ac:picMkLst>
        </pc:picChg>
      </pc:sldChg>
      <pc:sldChg chg="modSp add">
        <pc:chgData name="芳彦 植野" userId="86ab4e6fb1040a80" providerId="LiveId" clId="{BFBCDECB-9651-4182-BD0E-B931606F27C9}" dt="2024-01-08T08:19:19.004" v="4732"/>
        <pc:sldMkLst>
          <pc:docMk/>
          <pc:sldMk cId="0" sldId="105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59"/>
            <ac:spMk id="20484" creationId="{37FD4A09-D07A-E88E-A976-54BCDA454035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059"/>
            <ac:picMk id="20482" creationId="{F2611C87-A195-F548-9E41-131436038166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059"/>
            <ac:picMk id="20483" creationId="{A19A01BC-A694-668C-E417-69BB0CFE0584}"/>
          </ac:picMkLst>
        </pc:picChg>
      </pc:sldChg>
      <pc:sldChg chg="add">
        <pc:chgData name="芳彦 植野" userId="86ab4e6fb1040a80" providerId="LiveId" clId="{BFBCDECB-9651-4182-BD0E-B931606F27C9}" dt="2024-01-09T00:36:51.496" v="5219"/>
        <pc:sldMkLst>
          <pc:docMk/>
          <pc:sldMk cId="0" sldId="1081"/>
        </pc:sldMkLst>
      </pc:sldChg>
      <pc:sldChg chg="modSp add">
        <pc:chgData name="芳彦 植野" userId="86ab4e6fb1040a80" providerId="LiveId" clId="{BFBCDECB-9651-4182-BD0E-B931606F27C9}" dt="2024-01-08T08:19:19.004" v="4732"/>
        <pc:sldMkLst>
          <pc:docMk/>
          <pc:sldMk cId="0" sldId="1082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82"/>
            <ac:spMk id="8" creationId="{626E55DC-1628-EFF8-3792-CBDDCDFBCE2B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82"/>
            <ac:spMk id="17410" creationId="{62D68BFA-E2EF-1E6F-0367-68332E8D36C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082"/>
            <ac:spMk id="17412" creationId="{53173757-0DF9-D7B6-4D73-E2382D84668F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082"/>
            <ac:picMk id="17411" creationId="{3F532CA3-B3CF-C3A5-D855-FEABFA5C2B08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082"/>
            <ac:picMk id="17413" creationId="{F70AD5CE-A13D-AF34-BBE5-47BDA20E1A77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082"/>
            <ac:picMk id="17415" creationId="{0E9ABBFE-F75C-7FF3-6D1C-F4E52038699C}"/>
          </ac:picMkLst>
        </pc:picChg>
      </pc:sldChg>
      <pc:sldChg chg="modSp add mod">
        <pc:chgData name="芳彦 植野" userId="86ab4e6fb1040a80" providerId="LiveId" clId="{BFBCDECB-9651-4182-BD0E-B931606F27C9}" dt="2024-01-08T22:37:48.537" v="5215" actId="20577"/>
        <pc:sldMkLst>
          <pc:docMk/>
          <pc:sldMk cId="0" sldId="1127"/>
        </pc:sldMkLst>
        <pc:spChg chg="mod">
          <ac:chgData name="芳彦 植野" userId="86ab4e6fb1040a80" providerId="LiveId" clId="{BFBCDECB-9651-4182-BD0E-B931606F27C9}" dt="2024-01-08T22:37:48.537" v="5215" actId="20577"/>
          <ac:spMkLst>
            <pc:docMk/>
            <pc:sldMk cId="0" sldId="1127"/>
            <ac:spMk id="25603" creationId="{FA5C3DDD-53DA-4D81-9329-BC2C22A6385C}"/>
          </ac:spMkLst>
        </pc:spChg>
      </pc:sldChg>
      <pc:sldChg chg="modSp mod">
        <pc:chgData name="芳彦 植野" userId="86ab4e6fb1040a80" providerId="LiveId" clId="{BFBCDECB-9651-4182-BD0E-B931606F27C9}" dt="2024-01-09T08:41:49.314" v="5355" actId="20577"/>
        <pc:sldMkLst>
          <pc:docMk/>
          <pc:sldMk cId="0" sldId="113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139"/>
            <ac:spMk id="104450" creationId="{E37B6A89-2467-F252-CB94-6996492909E8}"/>
          </ac:spMkLst>
        </pc:spChg>
        <pc:spChg chg="mod">
          <ac:chgData name="芳彦 植野" userId="86ab4e6fb1040a80" providerId="LiveId" clId="{BFBCDECB-9651-4182-BD0E-B931606F27C9}" dt="2024-01-09T08:41:49.314" v="5355" actId="20577"/>
          <ac:spMkLst>
            <pc:docMk/>
            <pc:sldMk cId="0" sldId="1139"/>
            <ac:spMk id="104454" creationId="{82D5BB29-F509-3729-7195-FD89FD26B4D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139"/>
            <ac:spMk id="104455" creationId="{4DF531DE-4409-089E-B7C7-4DCC3EE09272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139"/>
            <ac:picMk id="3" creationId="{AB380AF9-8157-F13A-5003-75F210AA8551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139"/>
            <ac:picMk id="104452" creationId="{3502533E-759D-E1A9-59A8-4427695CC6FC}"/>
          </ac:picMkLst>
        </pc:picChg>
      </pc:sldChg>
      <pc:sldChg chg="modSp">
        <pc:chgData name="芳彦 植野" userId="86ab4e6fb1040a80" providerId="LiveId" clId="{BFBCDECB-9651-4182-BD0E-B931606F27C9}" dt="2024-01-08T08:19:19.004" v="4732"/>
        <pc:sldMkLst>
          <pc:docMk/>
          <pc:sldMk cId="2609688110" sldId="114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2" creationId="{230B6B78-CF87-4ACD-9198-2018B6B945C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3" creationId="{1A75390C-303E-4385-9312-9DAA287260F8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4" creationId="{48FC8551-6DA0-4EE0-9262-4FDBE54372EA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6" creationId="{79247EEF-2675-462B-ADAB-0B4ADDFB915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7" creationId="{A9CB35A1-0D1E-4199-BF62-1E0F19F301F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8" creationId="{904A46A0-E2A6-408D-B698-77553DB3467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9" creationId="{5283D245-67E4-4F91-B7A4-3C8980F5236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10" creationId="{34E4AF9E-9781-4340-84D0-90A3E0F7AADB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11" creationId="{2819E3A6-DCCC-462B-A1B9-F8DF5B5E99A6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12" creationId="{7A07F033-E55D-4FD3-8FB3-91F9C289B862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13" creationId="{0118116F-52D5-4ED3-925D-2ED36506C4CE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14" creationId="{AA037EF6-9D72-4936-9313-9D12717ADBB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24" creationId="{9B7D47C7-6231-4D4B-B2EE-82215DCCF62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27" creationId="{549CF4B6-6F78-4E82-BFAE-5231850EF016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31" creationId="{AF8E0B1B-3F0C-4B90-95FA-FD6289FD42D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12290" creationId="{2701C82D-3D1C-4BD4-B915-040DC10855F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609688110" sldId="1149"/>
            <ac:spMk id="12300" creationId="{D3C89C84-EFB6-4B9E-BABF-410E59219817}"/>
          </ac:spMkLst>
        </pc:spChg>
      </pc:sldChg>
      <pc:sldChg chg="modSp add del mod">
        <pc:chgData name="芳彦 植野" userId="86ab4e6fb1040a80" providerId="LiveId" clId="{BFBCDECB-9651-4182-BD0E-B931606F27C9}" dt="2024-01-09T00:39:36.207" v="5226" actId="2696"/>
        <pc:sldMkLst>
          <pc:docMk/>
          <pc:sldMk cId="1724887067" sldId="1154"/>
        </pc:sldMkLst>
        <pc:spChg chg="mod">
          <ac:chgData name="芳彦 植野" userId="86ab4e6fb1040a80" providerId="LiveId" clId="{BFBCDECB-9651-4182-BD0E-B931606F27C9}" dt="2024-01-08T08:24:11.408" v="4776" actId="1076"/>
          <ac:spMkLst>
            <pc:docMk/>
            <pc:sldMk cId="1724887067" sldId="1154"/>
            <ac:spMk id="19458" creationId="{F3FD6BE4-2429-55E2-A5E9-F24DFCF5387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724887067" sldId="1154"/>
            <ac:spMk id="19461" creationId="{53777D5A-2F3B-37B5-2F15-573775769A41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1724887067" sldId="1154"/>
            <ac:picMk id="19459" creationId="{2FE2553D-FDE2-5CBA-4E6B-DEB9F669F5B2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1724887067" sldId="1154"/>
            <ac:picMk id="19460" creationId="{798E43F4-ADCA-6ABD-1DFF-2586B6937445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1724887067" sldId="1154"/>
            <ac:picMk id="19462" creationId="{D7FC7188-14A2-88CA-D099-6F72D6B9AB49}"/>
          </ac:picMkLst>
        </pc:picChg>
      </pc:sldChg>
      <pc:sldChg chg="modSp add">
        <pc:chgData name="芳彦 植野" userId="86ab4e6fb1040a80" providerId="LiveId" clId="{BFBCDECB-9651-4182-BD0E-B931606F27C9}" dt="2024-01-08T08:19:19.004" v="4732"/>
        <pc:sldMkLst>
          <pc:docMk/>
          <pc:sldMk cId="0" sldId="1188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188"/>
            <ac:spMk id="9218" creationId="{3D828E6F-034B-6C27-39F4-703AA45E652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188"/>
            <ac:spMk id="9221" creationId="{9D4B5F52-5F77-EFD9-88C7-66603D4E11CC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188"/>
            <ac:picMk id="9219" creationId="{B50F744C-270A-3380-34A4-E461249B3B3E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188"/>
            <ac:picMk id="9220" creationId="{C5889138-E21B-3E34-B01A-A906AFB8D6B1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188"/>
            <ac:picMk id="9222" creationId="{824EBC5F-F940-C6AA-B870-8584EF5CE75F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188"/>
            <ac:picMk id="9223" creationId="{300772BD-F9F7-9B78-A2C9-E44345291A7F}"/>
          </ac:picMkLst>
        </pc:picChg>
      </pc:sldChg>
      <pc:sldChg chg="modSp add mod">
        <pc:chgData name="芳彦 植野" userId="86ab4e6fb1040a80" providerId="LiveId" clId="{BFBCDECB-9651-4182-BD0E-B931606F27C9}" dt="2024-01-08T20:59:12.514" v="5190" actId="27636"/>
        <pc:sldMkLst>
          <pc:docMk/>
          <pc:sldMk cId="2746051640" sldId="1207"/>
        </pc:sldMkLst>
        <pc:spChg chg="mod">
          <ac:chgData name="芳彦 植野" userId="86ab4e6fb1040a80" providerId="LiveId" clId="{BFBCDECB-9651-4182-BD0E-B931606F27C9}" dt="2024-01-08T20:59:12.514" v="5190" actId="27636"/>
          <ac:spMkLst>
            <pc:docMk/>
            <pc:sldMk cId="2746051640" sldId="1207"/>
            <ac:spMk id="3" creationId="{00000000-0000-0000-0000-000000000000}"/>
          </ac:spMkLst>
        </pc:spChg>
      </pc:sldChg>
      <pc:sldChg chg="del">
        <pc:chgData name="芳彦 植野" userId="86ab4e6fb1040a80" providerId="LiveId" clId="{BFBCDECB-9651-4182-BD0E-B931606F27C9}" dt="2024-01-03T22:32:39.806" v="4599" actId="2696"/>
        <pc:sldMkLst>
          <pc:docMk/>
          <pc:sldMk cId="0" sldId="1233"/>
        </pc:sldMkLst>
      </pc:sldChg>
      <pc:sldChg chg="modSp del mod">
        <pc:chgData name="芳彦 植野" userId="86ab4e6fb1040a80" providerId="LiveId" clId="{BFBCDECB-9651-4182-BD0E-B931606F27C9}" dt="2024-01-08T20:54:32.516" v="5119" actId="2696"/>
        <pc:sldMkLst>
          <pc:docMk/>
          <pc:sldMk cId="1546463324" sldId="124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546463324" sldId="1249"/>
            <ac:spMk id="2" creationId="{60581524-2E69-4F9B-896A-9F59CB093495}"/>
          </ac:spMkLst>
        </pc:spChg>
        <pc:spChg chg="mod">
          <ac:chgData name="芳彦 植野" userId="86ab4e6fb1040a80" providerId="LiveId" clId="{BFBCDECB-9651-4182-BD0E-B931606F27C9}" dt="2024-01-08T19:52:58.263" v="4903" actId="1076"/>
          <ac:spMkLst>
            <pc:docMk/>
            <pc:sldMk cId="1546463324" sldId="1249"/>
            <ac:spMk id="5" creationId="{EFEF4B88-D688-413C-8EE7-FA0F1A13B210}"/>
          </ac:spMkLst>
        </pc:spChg>
        <pc:picChg chg="mod">
          <ac:chgData name="芳彦 植野" userId="86ab4e6fb1040a80" providerId="LiveId" clId="{BFBCDECB-9651-4182-BD0E-B931606F27C9}" dt="2024-01-08T19:52:55.239" v="4902" actId="14100"/>
          <ac:picMkLst>
            <pc:docMk/>
            <pc:sldMk cId="1546463324" sldId="1249"/>
            <ac:picMk id="3" creationId="{2FF34695-3F15-4284-89B9-CB6E90AED09F}"/>
          </ac:picMkLst>
        </pc:picChg>
      </pc:sldChg>
      <pc:sldChg chg="add">
        <pc:chgData name="芳彦 植野" userId="86ab4e6fb1040a80" providerId="LiveId" clId="{BFBCDECB-9651-4182-BD0E-B931606F27C9}" dt="2024-01-08T21:00:02.302" v="5192"/>
        <pc:sldMkLst>
          <pc:docMk/>
          <pc:sldMk cId="702464498" sldId="1252"/>
        </pc:sldMkLst>
      </pc:sldChg>
      <pc:sldChg chg="add modTransition">
        <pc:chgData name="芳彦 植野" userId="86ab4e6fb1040a80" providerId="LiveId" clId="{BFBCDECB-9651-4182-BD0E-B931606F27C9}" dt="2024-01-08T20:07:11.984" v="4975"/>
        <pc:sldMkLst>
          <pc:docMk/>
          <pc:sldMk cId="341748213" sldId="1255"/>
        </pc:sldMkLst>
      </pc:sldChg>
      <pc:sldChg chg="add modTransition">
        <pc:chgData name="芳彦 植野" userId="86ab4e6fb1040a80" providerId="LiveId" clId="{BFBCDECB-9651-4182-BD0E-B931606F27C9}" dt="2024-01-08T20:05:26.589" v="4972"/>
        <pc:sldMkLst>
          <pc:docMk/>
          <pc:sldMk cId="738112100" sldId="1256"/>
        </pc:sldMkLst>
      </pc:sldChg>
      <pc:sldChg chg="delSp modSp add del mod">
        <pc:chgData name="芳彦 植野" userId="86ab4e6fb1040a80" providerId="LiveId" clId="{BFBCDECB-9651-4182-BD0E-B931606F27C9}" dt="2023-09-24T22:10:47.352" v="2698" actId="2696"/>
        <pc:sldMkLst>
          <pc:docMk/>
          <pc:sldMk cId="4053322642" sldId="1257"/>
        </pc:sldMkLst>
        <pc:graphicFrameChg chg="del mod">
          <ac:chgData name="芳彦 植野" userId="86ab4e6fb1040a80" providerId="LiveId" clId="{BFBCDECB-9651-4182-BD0E-B931606F27C9}" dt="2023-09-24T22:10:43.045" v="2697" actId="21"/>
          <ac:graphicFrameMkLst>
            <pc:docMk/>
            <pc:sldMk cId="4053322642" sldId="1257"/>
            <ac:graphicFrameMk id="2" creationId="{6E089910-E741-4754-B2B2-69274BD754DD}"/>
          </ac:graphicFrameMkLst>
        </pc:graphicFrameChg>
      </pc:sldChg>
      <pc:sldChg chg="modSp add mod">
        <pc:chgData name="芳彦 植野" userId="86ab4e6fb1040a80" providerId="LiveId" clId="{BFBCDECB-9651-4182-BD0E-B931606F27C9}" dt="2024-01-08T08:30:05.592" v="4816" actId="20577"/>
        <pc:sldMkLst>
          <pc:docMk/>
          <pc:sldMk cId="3462856745" sldId="1280"/>
        </pc:sldMkLst>
        <pc:spChg chg="mod">
          <ac:chgData name="芳彦 植野" userId="86ab4e6fb1040a80" providerId="LiveId" clId="{BFBCDECB-9651-4182-BD0E-B931606F27C9}" dt="2024-01-08T08:29:53.780" v="4808" actId="1076"/>
          <ac:spMkLst>
            <pc:docMk/>
            <pc:sldMk cId="3462856745" sldId="1280"/>
            <ac:spMk id="2" creationId="{56BF684E-7CE0-4890-9F99-9AF12F387B6B}"/>
          </ac:spMkLst>
        </pc:spChg>
        <pc:spChg chg="mod">
          <ac:chgData name="芳彦 植野" userId="86ab4e6fb1040a80" providerId="LiveId" clId="{BFBCDECB-9651-4182-BD0E-B931606F27C9}" dt="2024-01-08T08:30:05.592" v="4816" actId="20577"/>
          <ac:spMkLst>
            <pc:docMk/>
            <pc:sldMk cId="3462856745" sldId="1280"/>
            <ac:spMk id="3" creationId="{5947CF7B-6D11-4F5C-860D-FB2C59F3029A}"/>
          </ac:spMkLst>
        </pc:spChg>
      </pc:sldChg>
      <pc:sldChg chg="del">
        <pc:chgData name="芳彦 植野" userId="86ab4e6fb1040a80" providerId="LiveId" clId="{BFBCDECB-9651-4182-BD0E-B931606F27C9}" dt="2023-09-23T20:56:48.365" v="20" actId="2696"/>
        <pc:sldMkLst>
          <pc:docMk/>
          <pc:sldMk cId="27318033" sldId="1287"/>
        </pc:sldMkLst>
      </pc:sldChg>
      <pc:sldChg chg="modSp add del mod">
        <pc:chgData name="芳彦 植野" userId="86ab4e6fb1040a80" providerId="LiveId" clId="{BFBCDECB-9651-4182-BD0E-B931606F27C9}" dt="2024-01-03T22:32:30.622" v="4598" actId="2696"/>
        <pc:sldMkLst>
          <pc:docMk/>
          <pc:sldMk cId="3011497487" sldId="1288"/>
        </pc:sldMkLst>
        <pc:spChg chg="mod">
          <ac:chgData name="芳彦 植野" userId="86ab4e6fb1040a80" providerId="LiveId" clId="{BFBCDECB-9651-4182-BD0E-B931606F27C9}" dt="2023-09-25T02:59:00.317" v="3718" actId="20577"/>
          <ac:spMkLst>
            <pc:docMk/>
            <pc:sldMk cId="3011497487" sldId="1288"/>
            <ac:spMk id="6" creationId="{00000000-0000-0000-0000-000000000000}"/>
          </ac:spMkLst>
        </pc:spChg>
        <pc:spChg chg="mod">
          <ac:chgData name="芳彦 植野" userId="86ab4e6fb1040a80" providerId="LiveId" clId="{BFBCDECB-9651-4182-BD0E-B931606F27C9}" dt="2023-09-25T02:58:02.607" v="3664" actId="2085"/>
          <ac:spMkLst>
            <pc:docMk/>
            <pc:sldMk cId="3011497487" sldId="1288"/>
            <ac:spMk id="7171" creationId="{00000000-0000-0000-0000-000000000000}"/>
          </ac:spMkLst>
        </pc:spChg>
      </pc:sldChg>
      <pc:sldChg chg="addSp delSp modSp add mod">
        <pc:chgData name="芳彦 植野" userId="86ab4e6fb1040a80" providerId="LiveId" clId="{BFBCDECB-9651-4182-BD0E-B931606F27C9}" dt="2024-01-08T21:01:06.312" v="5195" actId="21"/>
        <pc:sldMkLst>
          <pc:docMk/>
          <pc:sldMk cId="2043361911" sldId="1293"/>
        </pc:sldMkLst>
        <pc:spChg chg="del">
          <ac:chgData name="芳彦 植野" userId="86ab4e6fb1040a80" providerId="LiveId" clId="{BFBCDECB-9651-4182-BD0E-B931606F27C9}" dt="2023-09-24T22:17:51.723" v="3082" actId="21"/>
          <ac:spMkLst>
            <pc:docMk/>
            <pc:sldMk cId="2043361911" sldId="1293"/>
            <ac:spMk id="2" creationId="{CE050E89-3477-4F14-AD1C-684C5C06C412}"/>
          </ac:spMkLst>
        </pc:spChg>
        <pc:spChg chg="mod">
          <ac:chgData name="芳彦 植野" userId="86ab4e6fb1040a80" providerId="LiveId" clId="{BFBCDECB-9651-4182-BD0E-B931606F27C9}" dt="2024-01-08T19:53:36.456" v="4907" actId="255"/>
          <ac:spMkLst>
            <pc:docMk/>
            <pc:sldMk cId="2043361911" sldId="1293"/>
            <ac:spMk id="6148" creationId="{00000000-0000-0000-0000-000000000000}"/>
          </ac:spMkLst>
        </pc:spChg>
        <pc:spChg chg="mod">
          <ac:chgData name="芳彦 植野" userId="86ab4e6fb1040a80" providerId="LiveId" clId="{BFBCDECB-9651-4182-BD0E-B931606F27C9}" dt="2024-01-08T19:53:21.388" v="4904" actId="1076"/>
          <ac:spMkLst>
            <pc:docMk/>
            <pc:sldMk cId="2043361911" sldId="1293"/>
            <ac:spMk id="7171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043361911" sldId="1293"/>
            <ac:spMk id="28675" creationId="{00000000-0000-0000-0000-000000000000}"/>
          </ac:spMkLst>
        </pc:spChg>
        <pc:picChg chg="add del">
          <ac:chgData name="芳彦 植野" userId="86ab4e6fb1040a80" providerId="LiveId" clId="{BFBCDECB-9651-4182-BD0E-B931606F27C9}" dt="2024-01-08T21:01:06.312" v="5195" actId="21"/>
          <ac:picMkLst>
            <pc:docMk/>
            <pc:sldMk cId="2043361911" sldId="1293"/>
            <ac:picMk id="2" creationId="{9E03F9EF-EFDF-D7CB-C88B-211DBAA97E60}"/>
          </ac:picMkLst>
        </pc:picChg>
        <pc:picChg chg="del">
          <ac:chgData name="芳彦 植野" userId="86ab4e6fb1040a80" providerId="LiveId" clId="{BFBCDECB-9651-4182-BD0E-B931606F27C9}" dt="2023-09-24T22:17:06.796" v="3043" actId="21"/>
          <ac:picMkLst>
            <pc:docMk/>
            <pc:sldMk cId="2043361911" sldId="1293"/>
            <ac:picMk id="5" creationId="{7FA4CB88-BD0E-486F-963B-60EABBB5660A}"/>
          </ac:picMkLst>
        </pc:picChg>
      </pc:sldChg>
      <pc:sldChg chg="del">
        <pc:chgData name="芳彦 植野" userId="86ab4e6fb1040a80" providerId="LiveId" clId="{BFBCDECB-9651-4182-BD0E-B931606F27C9}" dt="2023-09-25T02:57:25.896" v="3661" actId="2696"/>
        <pc:sldMkLst>
          <pc:docMk/>
          <pc:sldMk cId="0" sldId="1304"/>
        </pc:sldMkLst>
      </pc:sldChg>
      <pc:sldChg chg="add">
        <pc:chgData name="芳彦 植野" userId="86ab4e6fb1040a80" providerId="LiveId" clId="{BFBCDECB-9651-4182-BD0E-B931606F27C9}" dt="2024-01-08T20:59:51.158" v="5191"/>
        <pc:sldMkLst>
          <pc:docMk/>
          <pc:sldMk cId="2194413261" sldId="1676"/>
        </pc:sldMkLst>
      </pc:sldChg>
      <pc:sldChg chg="del">
        <pc:chgData name="芳彦 植野" userId="86ab4e6fb1040a80" providerId="LiveId" clId="{BFBCDECB-9651-4182-BD0E-B931606F27C9}" dt="2023-09-23T20:56:49.383" v="21" actId="2696"/>
        <pc:sldMkLst>
          <pc:docMk/>
          <pc:sldMk cId="4289121561" sldId="1676"/>
        </pc:sldMkLst>
      </pc:sldChg>
      <pc:sldChg chg="modSp add del mod modNotes">
        <pc:chgData name="芳彦 植野" userId="86ab4e6fb1040a80" providerId="LiveId" clId="{BFBCDECB-9651-4182-BD0E-B931606F27C9}" dt="2024-01-08T21:02:10.123" v="5198" actId="2696"/>
        <pc:sldMkLst>
          <pc:docMk/>
          <pc:sldMk cId="3696117353" sldId="1677"/>
        </pc:sldMkLst>
        <pc:spChg chg="mod">
          <ac:chgData name="芳彦 植野" userId="86ab4e6fb1040a80" providerId="LiveId" clId="{BFBCDECB-9651-4182-BD0E-B931606F27C9}" dt="2024-01-08T19:55:00.328" v="4944" actId="1076"/>
          <ac:spMkLst>
            <pc:docMk/>
            <pc:sldMk cId="3696117353" sldId="1677"/>
            <ac:spMk id="2" creationId="{00000000-0000-0000-0000-000000000000}"/>
          </ac:spMkLst>
        </pc:spChg>
        <pc:spChg chg="mod">
          <ac:chgData name="芳彦 植野" userId="86ab4e6fb1040a80" providerId="LiveId" clId="{BFBCDECB-9651-4182-BD0E-B931606F27C9}" dt="2024-01-08T19:55:16.106" v="4947" actId="255"/>
          <ac:spMkLst>
            <pc:docMk/>
            <pc:sldMk cId="3696117353" sldId="1677"/>
            <ac:spMk id="3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96117353" sldId="1677"/>
            <ac:spMk id="5" creationId="{00000000-0000-0000-0000-000000000000}"/>
          </ac:spMkLst>
        </pc:spChg>
        <pc:cxnChg chg="mod">
          <ac:chgData name="芳彦 植野" userId="86ab4e6fb1040a80" providerId="LiveId" clId="{BFBCDECB-9651-4182-BD0E-B931606F27C9}" dt="2024-01-08T08:19:19.004" v="4732"/>
          <ac:cxnSpMkLst>
            <pc:docMk/>
            <pc:sldMk cId="3696117353" sldId="1677"/>
            <ac:cxnSpMk id="6" creationId="{00000000-0000-0000-0000-000000000000}"/>
          </ac:cxnSpMkLst>
        </pc:cxnChg>
      </pc:sldChg>
      <pc:sldChg chg="modSp">
        <pc:chgData name="芳彦 植野" userId="86ab4e6fb1040a80" providerId="LiveId" clId="{BFBCDECB-9651-4182-BD0E-B931606F27C9}" dt="2024-01-08T08:19:19.004" v="4732"/>
        <pc:sldMkLst>
          <pc:docMk/>
          <pc:sldMk cId="1967929060" sldId="167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967929060" sldId="1679"/>
            <ac:spMk id="2" creationId="{B9C1C1A2-B179-1AFB-FFF9-15F40CEB568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967929060" sldId="1679"/>
            <ac:spMk id="3" creationId="{2B148B76-3076-3A32-25BE-54BE2E83332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967929060" sldId="1679"/>
            <ac:spMk id="5" creationId="{396F2CAC-E9AA-D2A1-6D4B-CF6E3FC2B10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967929060" sldId="1679"/>
            <ac:spMk id="6" creationId="{ADEC941E-3EB9-8495-9A2D-85DA93FFEA0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967929060" sldId="1679"/>
            <ac:spMk id="7" creationId="{A41DFA23-D7A3-A495-A0AE-B3B23FF46AC5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1967929060" sldId="1679"/>
            <ac:picMk id="4" creationId="{5754D0E8-6FC1-9E2C-1522-D458919D38EC}"/>
          </ac:picMkLst>
        </pc:picChg>
      </pc:sldChg>
      <pc:sldChg chg="add del">
        <pc:chgData name="芳彦 植野" userId="86ab4e6fb1040a80" providerId="LiveId" clId="{BFBCDECB-9651-4182-BD0E-B931606F27C9}" dt="2023-09-24T22:08:42.358" v="2691" actId="2696"/>
        <pc:sldMkLst>
          <pc:docMk/>
          <pc:sldMk cId="217751594" sldId="1687"/>
        </pc:sldMkLst>
      </pc:sldChg>
      <pc:sldChg chg="add del">
        <pc:chgData name="芳彦 植野" userId="86ab4e6fb1040a80" providerId="LiveId" clId="{BFBCDECB-9651-4182-BD0E-B931606F27C9}" dt="2023-09-24T22:08:44.759" v="2692" actId="2696"/>
        <pc:sldMkLst>
          <pc:docMk/>
          <pc:sldMk cId="3209306284" sldId="1697"/>
        </pc:sldMkLst>
      </pc:sldChg>
      <pc:sldChg chg="modSp add mod">
        <pc:chgData name="芳彦 植野" userId="86ab4e6fb1040a80" providerId="LiveId" clId="{BFBCDECB-9651-4182-BD0E-B931606F27C9}" dt="2024-01-08T08:23:39.438" v="4773" actId="20577"/>
        <pc:sldMkLst>
          <pc:docMk/>
          <pc:sldMk cId="0" sldId="1702"/>
        </pc:sldMkLst>
        <pc:spChg chg="mod">
          <ac:chgData name="芳彦 植野" userId="86ab4e6fb1040a80" providerId="LiveId" clId="{BFBCDECB-9651-4182-BD0E-B931606F27C9}" dt="2024-01-08T08:23:39.438" v="4773" actId="20577"/>
          <ac:spMkLst>
            <pc:docMk/>
            <pc:sldMk cId="0" sldId="1702"/>
            <ac:spMk id="4" creationId="{1E3BFDC7-568F-38D8-C173-6BAA42F3865B}"/>
          </ac:spMkLst>
        </pc:spChg>
      </pc:sldChg>
      <pc:sldChg chg="modSp add">
        <pc:chgData name="芳彦 植野" userId="86ab4e6fb1040a80" providerId="LiveId" clId="{BFBCDECB-9651-4182-BD0E-B931606F27C9}" dt="2024-01-08T08:19:19.004" v="4732"/>
        <pc:sldMkLst>
          <pc:docMk/>
          <pc:sldMk cId="0" sldId="1705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705"/>
            <ac:spMk id="2" creationId="{FB67F807-C8F9-BEF1-AE96-34A33D68456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705"/>
            <ac:spMk id="82948" creationId="{3A0815E7-555D-97D9-D6BA-D8635CC79F7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705"/>
            <ac:spMk id="82949" creationId="{1DEE4CE4-BA5D-3D06-CDAF-9113816E7971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705"/>
            <ac:picMk id="82946" creationId="{1018B76F-0C3C-3123-5F00-B7E4067473BA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705"/>
            <ac:picMk id="82947" creationId="{5FD4E1BF-22D0-E912-FEC2-05F6B95D6A15}"/>
          </ac:picMkLst>
        </pc:picChg>
      </pc:sldChg>
      <pc:sldChg chg="modSp add del">
        <pc:chgData name="芳彦 植野" userId="86ab4e6fb1040a80" providerId="LiveId" clId="{BFBCDECB-9651-4182-BD0E-B931606F27C9}" dt="2024-01-08T08:24:01.662" v="4774" actId="2696"/>
        <pc:sldMkLst>
          <pc:docMk/>
          <pc:sldMk cId="0" sldId="1706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706"/>
            <ac:spMk id="83972" creationId="{37166F29-730C-7825-EBC5-A391ABF1E03E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706"/>
            <ac:picMk id="83970" creationId="{AEF1E286-A61D-2A08-739E-6B0178EADEB5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706"/>
            <ac:picMk id="83971" creationId="{819685B4-6DF1-179C-B0BF-D5ABAD99EA93}"/>
          </ac:picMkLst>
        </pc:picChg>
      </pc:sldChg>
      <pc:sldChg chg="modSp add">
        <pc:chgData name="芳彦 植野" userId="86ab4e6fb1040a80" providerId="LiveId" clId="{BFBCDECB-9651-4182-BD0E-B931606F27C9}" dt="2024-01-08T08:19:19.004" v="4732"/>
        <pc:sldMkLst>
          <pc:docMk/>
          <pc:sldMk cId="0" sldId="1708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708"/>
            <ac:spMk id="81924" creationId="{68B23F1C-1416-786A-F926-554417D2FAE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0" sldId="1708"/>
            <ac:spMk id="81925" creationId="{E4E413F7-5D9C-54AE-7EFC-C5E6AEBCD8FF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708"/>
            <ac:picMk id="81922" creationId="{7B4F7C68-FE5B-C68C-1F97-38D9F29E07E7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1708"/>
            <ac:picMk id="81923" creationId="{F618BC96-C055-DF68-BAEA-D457BAE3B238}"/>
          </ac:picMkLst>
        </pc:picChg>
      </pc:sldChg>
      <pc:sldChg chg="del">
        <pc:chgData name="芳彦 植野" userId="86ab4e6fb1040a80" providerId="LiveId" clId="{BFBCDECB-9651-4182-BD0E-B931606F27C9}" dt="2023-09-23T20:56:33.788" v="19" actId="2696"/>
        <pc:sldMkLst>
          <pc:docMk/>
          <pc:sldMk cId="4185912097" sldId="1711"/>
        </pc:sldMkLst>
      </pc:sldChg>
      <pc:sldChg chg="modSp">
        <pc:chgData name="芳彦 植野" userId="86ab4e6fb1040a80" providerId="LiveId" clId="{BFBCDECB-9651-4182-BD0E-B931606F27C9}" dt="2024-01-08T08:19:19.004" v="4732"/>
        <pc:sldMkLst>
          <pc:docMk/>
          <pc:sldMk cId="3271951612" sldId="1716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3" creationId="{E9593CCB-6B7B-4C29-9B5F-4A956104183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4" creationId="{AD6CC02C-64FD-4F03-A4B3-BD7375C89E6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5" creationId="{66E0264D-AA86-43B8-ADD7-E9FD07DADE7F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6" creationId="{DBFC9C6E-BD25-48F3-84C4-CCAAC6D3E0AE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7" creationId="{DEACA7E9-E34B-44B8-8539-04E5CC4FF5A5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" creationId="{3893FF06-6102-47D1-BA57-DBD7D29432C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9" creationId="{7388B294-A7E7-431D-8535-C91C20DD272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10" creationId="{23EB4D02-1394-4F5A-9E23-2C6510FAC102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11" creationId="{8976A085-9108-4E24-9550-431ADADE8CB2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12" creationId="{6F2C0411-963C-4462-9D35-AEDBE98CAF0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13" creationId="{FF821336-D676-450A-A975-EFC94547C21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14" creationId="{546F71AC-A7A9-4811-98FA-CBF641405A0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15" creationId="{48432204-48EF-4FE8-8398-8B8BE48E5D85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16" creationId="{D9A4DEE0-16CC-48FD-B48E-49F9E946A53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17" creationId="{2E717C04-94A5-C784-3E7A-95FF4E6F43DA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27" creationId="{B4628F62-211F-49FD-A65B-9685294602B5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29" creationId="{205EB7C3-2801-4EDF-AC0D-E4AB9109CBC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31" creationId="{4A81ECCA-21FA-4A5E-BF53-A2BB61E18885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36" creationId="{18B4FE06-27AB-47D0-A924-D8B830372EBB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38" creationId="{6FF7A7DB-B845-47A0-9AEC-A69EAD018FA5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39" creationId="{45733AEB-B9DB-42E8-8FC2-9E71B311D23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8070" creationId="{2E5D7F80-E348-421E-B0C9-D13435DC1C2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8072" creationId="{802F3513-83A1-4CBC-8ED7-52BBB18450D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8074" creationId="{EBFE816D-33E8-4C03-9805-451A11D1D62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8076" creationId="{9DBC825B-C9AD-47FC-B44A-8A3FFAACB3C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8083" creationId="{C85D83AC-E1E8-48BC-9616-30271B8D4F0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8084" creationId="{5891D2D6-BA31-4415-B02B-6775B93ECEA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8085" creationId="{85EA8C5B-73A4-41CC-8AF5-0DBFF208C24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8086" creationId="{F23766F0-DC0F-4475-886F-573B3BDCEC26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71951612" sldId="1716"/>
            <ac:spMk id="88087" creationId="{7093BC4C-6E9D-412C-A008-1205847FA0F4}"/>
          </ac:spMkLst>
        </pc:spChg>
        <pc:grpChg chg="mod">
          <ac:chgData name="芳彦 植野" userId="86ab4e6fb1040a80" providerId="LiveId" clId="{BFBCDECB-9651-4182-BD0E-B931606F27C9}" dt="2024-01-08T08:19:19.004" v="4732"/>
          <ac:grpSpMkLst>
            <pc:docMk/>
            <pc:sldMk cId="3271951612" sldId="1716"/>
            <ac:grpSpMk id="2" creationId="{0D15E348-911B-4FFE-95BC-FC8EAF7C3FD1}"/>
          </ac:grpSpMkLst>
        </pc:grpChg>
        <pc:grpChg chg="mod">
          <ac:chgData name="芳彦 植野" userId="86ab4e6fb1040a80" providerId="LiveId" clId="{BFBCDECB-9651-4182-BD0E-B931606F27C9}" dt="2024-01-08T08:19:19.004" v="4732"/>
          <ac:grpSpMkLst>
            <pc:docMk/>
            <pc:sldMk cId="3271951612" sldId="1716"/>
            <ac:grpSpMk id="88068" creationId="{58993584-2C79-4089-9D12-8DEB819D6560}"/>
          </ac:grpSpMkLst>
        </pc:grpChg>
        <pc:graphicFrameChg chg="mod">
          <ac:chgData name="芳彦 植野" userId="86ab4e6fb1040a80" providerId="LiveId" clId="{BFBCDECB-9651-4182-BD0E-B931606F27C9}" dt="2024-01-08T08:19:19.004" v="4732"/>
          <ac:graphicFrameMkLst>
            <pc:docMk/>
            <pc:sldMk cId="3271951612" sldId="1716"/>
            <ac:graphicFrameMk id="34" creationId="{F407DED4-94F6-41A3-A2E4-D10DEC9097A0}"/>
          </ac:graphicFrameMkLst>
        </pc:graphicFrame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3271951612" sldId="1716"/>
            <ac:picMk id="88067" creationId="{2DA24636-41FF-4002-8FB2-C7023DDBA8D8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3271951612" sldId="1716"/>
            <ac:picMk id="88069" creationId="{AAE560AD-9B20-4944-A6E1-70D1C38F4421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3271951612" sldId="1716"/>
            <ac:picMk id="88077" creationId="{1704CE8F-4063-4901-8762-A12F79421DB2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3271951612" sldId="1716"/>
            <ac:picMk id="88079" creationId="{2DF4CDE0-E6CB-4D8A-8444-394F206B2040}"/>
          </ac:picMkLst>
        </pc:picChg>
      </pc:sldChg>
      <pc:sldChg chg="modSp add mod">
        <pc:chgData name="芳彦 植野" userId="86ab4e6fb1040a80" providerId="LiveId" clId="{BFBCDECB-9651-4182-BD0E-B931606F27C9}" dt="2024-01-08T20:55:48.942" v="5182" actId="20577"/>
        <pc:sldMkLst>
          <pc:docMk/>
          <pc:sldMk cId="1438062554" sldId="1725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438062554" sldId="1725"/>
            <ac:spMk id="2" creationId="{F652D511-F8C6-862D-A92D-38D88A040697}"/>
          </ac:spMkLst>
        </pc:spChg>
        <pc:spChg chg="mod">
          <ac:chgData name="芳彦 植野" userId="86ab4e6fb1040a80" providerId="LiveId" clId="{BFBCDECB-9651-4182-BD0E-B931606F27C9}" dt="2024-01-08T20:55:48.942" v="5182" actId="20577"/>
          <ac:spMkLst>
            <pc:docMk/>
            <pc:sldMk cId="1438062554" sldId="1725"/>
            <ac:spMk id="3" creationId="{26B6B0B8-DE1A-4B7C-AAC8-E0AB6A360189}"/>
          </ac:spMkLst>
        </pc:spChg>
      </pc:sldChg>
      <pc:sldChg chg="modSp del mod">
        <pc:chgData name="芳彦 植野" userId="86ab4e6fb1040a80" providerId="LiveId" clId="{BFBCDECB-9651-4182-BD0E-B931606F27C9}" dt="2024-01-03T22:27:25.650" v="4560" actId="2696"/>
        <pc:sldMkLst>
          <pc:docMk/>
          <pc:sldMk cId="3254675291" sldId="1725"/>
        </pc:sldMkLst>
        <pc:spChg chg="mod">
          <ac:chgData name="芳彦 植野" userId="86ab4e6fb1040a80" providerId="LiveId" clId="{BFBCDECB-9651-4182-BD0E-B931606F27C9}" dt="2023-09-24T22:01:17.645" v="2229" actId="20577"/>
          <ac:spMkLst>
            <pc:docMk/>
            <pc:sldMk cId="3254675291" sldId="1725"/>
            <ac:spMk id="3" creationId="{26B6B0B8-DE1A-4B7C-AAC8-E0AB6A360189}"/>
          </ac:spMkLst>
        </pc:spChg>
      </pc:sldChg>
      <pc:sldChg chg="del">
        <pc:chgData name="芳彦 植野" userId="86ab4e6fb1040a80" providerId="LiveId" clId="{BFBCDECB-9651-4182-BD0E-B931606F27C9}" dt="2023-09-24T19:55:56.326" v="1920" actId="2696"/>
        <pc:sldMkLst>
          <pc:docMk/>
          <pc:sldMk cId="3462185827" sldId="1737"/>
        </pc:sldMkLst>
      </pc:sldChg>
      <pc:sldChg chg="modSp del mod">
        <pc:chgData name="芳彦 植野" userId="86ab4e6fb1040a80" providerId="LiveId" clId="{BFBCDECB-9651-4182-BD0E-B931606F27C9}" dt="2024-01-08T19:51:05.277" v="4821" actId="2696"/>
        <pc:sldMkLst>
          <pc:docMk/>
          <pc:sldMk cId="2901995845" sldId="173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901995845" sldId="1739"/>
            <ac:spMk id="2" creationId="{DB4C13CC-A10A-E3F9-1A0A-DC3347A2FE4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901995845" sldId="1739"/>
            <ac:spMk id="3" creationId="{D504C5EB-4D24-20C4-491E-FA4CF939BB2F}"/>
          </ac:spMkLst>
        </pc:spChg>
      </pc:sldChg>
      <pc:sldChg chg="modSp del mod">
        <pc:chgData name="芳彦 植野" userId="86ab4e6fb1040a80" providerId="LiveId" clId="{BFBCDECB-9651-4182-BD0E-B931606F27C9}" dt="2024-01-08T19:51:03.370" v="4819" actId="2696"/>
        <pc:sldMkLst>
          <pc:docMk/>
          <pc:sldMk cId="2779623546" sldId="1740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779623546" sldId="1740"/>
            <ac:spMk id="2" creationId="{F8813B36-CE73-FA51-36D7-D606B778FB8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779623546" sldId="1740"/>
            <ac:spMk id="3" creationId="{DECC6718-5F24-BDAA-388D-0A307F230B69}"/>
          </ac:spMkLst>
        </pc:spChg>
      </pc:sldChg>
      <pc:sldChg chg="del">
        <pc:chgData name="芳彦 植野" userId="86ab4e6fb1040a80" providerId="LiveId" clId="{BFBCDECB-9651-4182-BD0E-B931606F27C9}" dt="2023-09-24T10:05:44.492" v="1357" actId="2696"/>
        <pc:sldMkLst>
          <pc:docMk/>
          <pc:sldMk cId="2862374276" sldId="1741"/>
        </pc:sldMkLst>
      </pc:sldChg>
      <pc:sldChg chg="modSp del">
        <pc:chgData name="芳彦 植野" userId="86ab4e6fb1040a80" providerId="LiveId" clId="{BFBCDECB-9651-4182-BD0E-B931606F27C9}" dt="2024-01-08T20:55:00.347" v="5120" actId="2696"/>
        <pc:sldMkLst>
          <pc:docMk/>
          <pc:sldMk cId="352684946" sldId="1742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52684946" sldId="1742"/>
            <ac:spMk id="2" creationId="{111D3134-8497-26FA-ED5A-58FD3B8C9ECE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52684946" sldId="1742"/>
            <ac:spMk id="3" creationId="{046E40DD-418B-E1DA-B4D6-5A6E931F5D6C}"/>
          </ac:spMkLst>
        </pc:spChg>
      </pc:sldChg>
      <pc:sldChg chg="add">
        <pc:chgData name="芳彦 植野" userId="86ab4e6fb1040a80" providerId="LiveId" clId="{BFBCDECB-9651-4182-BD0E-B931606F27C9}" dt="2024-01-08T21:01:39.231" v="5197"/>
        <pc:sldMkLst>
          <pc:docMk/>
          <pc:sldMk cId="588392011" sldId="2759"/>
        </pc:sldMkLst>
      </pc:sldChg>
      <pc:sldChg chg="add">
        <pc:chgData name="芳彦 植野" userId="86ab4e6fb1040a80" providerId="LiveId" clId="{BFBCDECB-9651-4182-BD0E-B931606F27C9}" dt="2024-01-09T00:37:24.581" v="5222"/>
        <pc:sldMkLst>
          <pc:docMk/>
          <pc:sldMk cId="2988436274" sldId="2766"/>
        </pc:sldMkLst>
      </pc:sldChg>
      <pc:sldChg chg="addSp modSp mod">
        <pc:chgData name="芳彦 植野" userId="86ab4e6fb1040a80" providerId="LiveId" clId="{BFBCDECB-9651-4182-BD0E-B931606F27C9}" dt="2024-01-08T08:19:19.004" v="4732"/>
        <pc:sldMkLst>
          <pc:docMk/>
          <pc:sldMk cId="2392464876" sldId="2767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392464876" sldId="2767"/>
            <ac:spMk id="2" creationId="{C4D4CDE7-8DCA-7556-BC5B-F4574F2C659A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392464876" sldId="2767"/>
            <ac:spMk id="3" creationId="{54C334B2-722C-AB76-224F-521606FC08EE}"/>
          </ac:spMkLst>
        </pc:spChg>
        <pc:spChg chg="add mod">
          <ac:chgData name="芳彦 植野" userId="86ab4e6fb1040a80" providerId="LiveId" clId="{BFBCDECB-9651-4182-BD0E-B931606F27C9}" dt="2024-01-08T08:19:19.004" v="4732"/>
          <ac:spMkLst>
            <pc:docMk/>
            <pc:sldMk cId="2392464876" sldId="2767"/>
            <ac:spMk id="4" creationId="{86E0F395-C31D-A019-89DC-66E647A7C6FA}"/>
          </ac:spMkLst>
        </pc:spChg>
      </pc:sldChg>
      <pc:sldChg chg="modSp del">
        <pc:chgData name="芳彦 植野" userId="86ab4e6fb1040a80" providerId="LiveId" clId="{BFBCDECB-9651-4182-BD0E-B931606F27C9}" dt="2024-01-08T20:53:54.529" v="5115" actId="2696"/>
        <pc:sldMkLst>
          <pc:docMk/>
          <pc:sldMk cId="2243404657" sldId="2771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243404657" sldId="2771"/>
            <ac:spMk id="2" creationId="{C1C0658D-C753-9AB5-34F5-8FF25926B3B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243404657" sldId="2771"/>
            <ac:spMk id="6" creationId="{DA634812-7B19-FD0F-235C-77C876D62A10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2243404657" sldId="2771"/>
            <ac:picMk id="3" creationId="{3188A919-41B5-4224-FE8C-F33F340875DA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2243404657" sldId="2771"/>
            <ac:picMk id="5" creationId="{7995F4AC-A0C0-F675-5698-914A906A5E1B}"/>
          </ac:picMkLst>
        </pc:picChg>
      </pc:sldChg>
      <pc:sldChg chg="add">
        <pc:chgData name="芳彦 植野" userId="86ab4e6fb1040a80" providerId="LiveId" clId="{BFBCDECB-9651-4182-BD0E-B931606F27C9}" dt="2024-01-08T20:54:01.069" v="5116"/>
        <pc:sldMkLst>
          <pc:docMk/>
          <pc:sldMk cId="2928765366" sldId="2771"/>
        </pc:sldMkLst>
      </pc:sldChg>
      <pc:sldChg chg="modSp">
        <pc:chgData name="芳彦 植野" userId="86ab4e6fb1040a80" providerId="LiveId" clId="{BFBCDECB-9651-4182-BD0E-B931606F27C9}" dt="2024-01-08T08:19:19.004" v="4732"/>
        <pc:sldMkLst>
          <pc:docMk/>
          <pc:sldMk cId="2563216280" sldId="2778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563216280" sldId="2778"/>
            <ac:spMk id="4" creationId="{5A40F5C0-6815-9F21-D789-8CCD6846478E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563216280" sldId="2778"/>
            <ac:spMk id="5" creationId="{0CF77AFD-1792-C0D7-F59E-043C23F55F58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563216280" sldId="2778"/>
            <ac:spMk id="6" creationId="{DD1B6C98-0FC9-3E0B-6AFA-FA363FBCE582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2563216280" sldId="2778"/>
            <ac:picMk id="2" creationId="{A86BE0EF-CCE8-AED8-F857-632E02933F75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2563216280" sldId="2778"/>
            <ac:picMk id="3" creationId="{7D70C8DF-7502-1B9C-E55A-2F4BA48F75EE}"/>
          </ac:picMkLst>
        </pc:picChg>
      </pc:sldChg>
      <pc:sldChg chg="modSp">
        <pc:chgData name="芳彦 植野" userId="86ab4e6fb1040a80" providerId="LiveId" clId="{BFBCDECB-9651-4182-BD0E-B931606F27C9}" dt="2024-01-08T08:19:19.004" v="4732"/>
        <pc:sldMkLst>
          <pc:docMk/>
          <pc:sldMk cId="3291753045" sldId="2782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91753045" sldId="2782"/>
            <ac:spMk id="3" creationId="{3EEF8F64-1493-43D1-C8DE-BE183C65E83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91753045" sldId="2782"/>
            <ac:spMk id="4" creationId="{99AB6D1D-CED9-8FBF-3B39-4EADBBD12DBA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291753045" sldId="2782"/>
            <ac:spMk id="5" creationId="{BC57F35D-079B-6256-5765-9F75D5F7895B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3291753045" sldId="2782"/>
            <ac:picMk id="2" creationId="{FFECD84D-13F4-019A-6839-48E77C4E6F17}"/>
          </ac:picMkLst>
        </pc:picChg>
      </pc:sldChg>
      <pc:sldChg chg="del">
        <pc:chgData name="芳彦 植野" userId="86ab4e6fb1040a80" providerId="LiveId" clId="{BFBCDECB-9651-4182-BD0E-B931606F27C9}" dt="2023-09-24T07:43:31.707" v="823" actId="2696"/>
        <pc:sldMkLst>
          <pc:docMk/>
          <pc:sldMk cId="3635108759" sldId="2797"/>
        </pc:sldMkLst>
      </pc:sldChg>
      <pc:sldChg chg="modSp mod">
        <pc:chgData name="芳彦 植野" userId="86ab4e6fb1040a80" providerId="LiveId" clId="{BFBCDECB-9651-4182-BD0E-B931606F27C9}" dt="2024-01-08T08:20:41.183" v="4747" actId="255"/>
        <pc:sldMkLst>
          <pc:docMk/>
          <pc:sldMk cId="2459585590" sldId="2819"/>
        </pc:sldMkLst>
        <pc:spChg chg="mod">
          <ac:chgData name="芳彦 植野" userId="86ab4e6fb1040a80" providerId="LiveId" clId="{BFBCDECB-9651-4182-BD0E-B931606F27C9}" dt="2024-01-08T08:20:28.680" v="4746" actId="20577"/>
          <ac:spMkLst>
            <pc:docMk/>
            <pc:sldMk cId="2459585590" sldId="2819"/>
            <ac:spMk id="4099" creationId="{35C882C9-0FF4-ABA5-FB0B-43417D9A8E10}"/>
          </ac:spMkLst>
        </pc:spChg>
        <pc:spChg chg="mod">
          <ac:chgData name="芳彦 植野" userId="86ab4e6fb1040a80" providerId="LiveId" clId="{BFBCDECB-9651-4182-BD0E-B931606F27C9}" dt="2024-01-08T08:20:41.183" v="4747" actId="255"/>
          <ac:spMkLst>
            <pc:docMk/>
            <pc:sldMk cId="2459585590" sldId="2819"/>
            <ac:spMk id="4100" creationId="{9B9A8C65-54AC-55C9-76E5-843269FC650F}"/>
          </ac:spMkLst>
        </pc:spChg>
      </pc:sldChg>
      <pc:sldChg chg="del">
        <pc:chgData name="芳彦 植野" userId="86ab4e6fb1040a80" providerId="LiveId" clId="{BFBCDECB-9651-4182-BD0E-B931606F27C9}" dt="2023-09-23T20:56:59.297" v="24" actId="2696"/>
        <pc:sldMkLst>
          <pc:docMk/>
          <pc:sldMk cId="386325082" sldId="2825"/>
        </pc:sldMkLst>
      </pc:sldChg>
      <pc:sldChg chg="modSp add del">
        <pc:chgData name="芳彦 植野" userId="86ab4e6fb1040a80" providerId="LiveId" clId="{BFBCDECB-9651-4182-BD0E-B931606F27C9}" dt="2024-01-09T00:39:05.791" v="5223" actId="2696"/>
        <pc:sldMkLst>
          <pc:docMk/>
          <pc:sldMk cId="3988580410" sldId="2835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88580410" sldId="2835"/>
            <ac:spMk id="3" creationId="{D4D06EFD-A788-E1D3-A5D8-0EBFAAE1A559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3988580410" sldId="2835"/>
            <ac:picMk id="2" creationId="{1C5D76F0-7270-F2F5-497D-6887B7039923}"/>
          </ac:picMkLst>
        </pc:picChg>
      </pc:sldChg>
      <pc:sldChg chg="modSp add del">
        <pc:chgData name="芳彦 植野" userId="86ab4e6fb1040a80" providerId="LiveId" clId="{BFBCDECB-9651-4182-BD0E-B931606F27C9}" dt="2024-01-09T00:39:08.350" v="5224" actId="2696"/>
        <pc:sldMkLst>
          <pc:docMk/>
          <pc:sldMk cId="2795812118" sldId="2836"/>
        </pc:sldMkLst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2795812118" sldId="2836"/>
            <ac:picMk id="2" creationId="{02957873-FA78-F91E-C38D-F943F0E61677}"/>
          </ac:picMkLst>
        </pc:picChg>
      </pc:sldChg>
      <pc:sldChg chg="modSp add del">
        <pc:chgData name="芳彦 植野" userId="86ab4e6fb1040a80" providerId="LiveId" clId="{BFBCDECB-9651-4182-BD0E-B931606F27C9}" dt="2024-01-08T08:24:31.609" v="4777" actId="2696"/>
        <pc:sldMkLst>
          <pc:docMk/>
          <pc:sldMk cId="682920710" sldId="2841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682920710" sldId="2841"/>
            <ac:spMk id="3" creationId="{EF641D3B-ECFB-AAFE-9A7F-46802527F39A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682920710" sldId="2841"/>
            <ac:picMk id="2" creationId="{5FDFC0CD-51D7-485E-BEE3-BDFBF6AEBC6E}"/>
          </ac:picMkLst>
        </pc:picChg>
      </pc:sldChg>
      <pc:sldChg chg="modSp add del">
        <pc:chgData name="芳彦 植野" userId="86ab4e6fb1040a80" providerId="LiveId" clId="{BFBCDECB-9651-4182-BD0E-B931606F27C9}" dt="2024-01-09T00:40:02.388" v="5227" actId="2696"/>
        <pc:sldMkLst>
          <pc:docMk/>
          <pc:sldMk cId="4154862475" sldId="2842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154862475" sldId="2842"/>
            <ac:spMk id="3" creationId="{EAFB6DF2-2F0F-BB6B-90FA-23CCAB459865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4154862475" sldId="2842"/>
            <ac:picMk id="2" creationId="{AE10AAF7-69FB-DBA4-8310-EEC59B556A7B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4154862475" sldId="2842"/>
            <ac:picMk id="5" creationId="{04B0167B-0050-A409-139A-B8A8C9229E49}"/>
          </ac:picMkLst>
        </pc:picChg>
      </pc:sldChg>
      <pc:sldChg chg="modSp add mod">
        <pc:chgData name="芳彦 植野" userId="86ab4e6fb1040a80" providerId="LiveId" clId="{BFBCDECB-9651-4182-BD0E-B931606F27C9}" dt="2024-01-08T08:25:23.709" v="4790" actId="14100"/>
        <pc:sldMkLst>
          <pc:docMk/>
          <pc:sldMk cId="1399641646" sldId="2844"/>
        </pc:sldMkLst>
        <pc:spChg chg="mod">
          <ac:chgData name="芳彦 植野" userId="86ab4e6fb1040a80" providerId="LiveId" clId="{BFBCDECB-9651-4182-BD0E-B931606F27C9}" dt="2024-01-08T08:24:51.207" v="4779" actId="255"/>
          <ac:spMkLst>
            <pc:docMk/>
            <pc:sldMk cId="1399641646" sldId="2844"/>
            <ac:spMk id="2" creationId="{00000000-0000-0000-0000-000000000000}"/>
          </ac:spMkLst>
        </pc:spChg>
        <pc:picChg chg="mod">
          <ac:chgData name="芳彦 植野" userId="86ab4e6fb1040a80" providerId="LiveId" clId="{BFBCDECB-9651-4182-BD0E-B931606F27C9}" dt="2024-01-08T08:24:59.461" v="4781" actId="1076"/>
          <ac:picMkLst>
            <pc:docMk/>
            <pc:sldMk cId="1399641646" sldId="2844"/>
            <ac:picMk id="5" creationId="{DE9D6DCA-0D6D-981C-E293-BD89EF97BDDB}"/>
          </ac:picMkLst>
        </pc:picChg>
        <pc:picChg chg="mod">
          <ac:chgData name="芳彦 植野" userId="86ab4e6fb1040a80" providerId="LiveId" clId="{BFBCDECB-9651-4182-BD0E-B931606F27C9}" dt="2024-01-08T08:25:06.621" v="4784" actId="14100"/>
          <ac:picMkLst>
            <pc:docMk/>
            <pc:sldMk cId="1399641646" sldId="2844"/>
            <ac:picMk id="6" creationId="{DB8AD7BC-E147-6C26-AD0A-0C307EEA8068}"/>
          </ac:picMkLst>
        </pc:picChg>
        <pc:picChg chg="mod">
          <ac:chgData name="芳彦 植野" userId="86ab4e6fb1040a80" providerId="LiveId" clId="{BFBCDECB-9651-4182-BD0E-B931606F27C9}" dt="2024-01-08T08:25:16.886" v="4786" actId="14100"/>
          <ac:picMkLst>
            <pc:docMk/>
            <pc:sldMk cId="1399641646" sldId="2844"/>
            <ac:picMk id="7" creationId="{EE6E90E0-5CEA-8EFA-DFE3-20656016C984}"/>
          </ac:picMkLst>
        </pc:picChg>
        <pc:picChg chg="mod">
          <ac:chgData name="芳彦 植野" userId="86ab4e6fb1040a80" providerId="LiveId" clId="{BFBCDECB-9651-4182-BD0E-B931606F27C9}" dt="2024-01-08T08:25:23.709" v="4790" actId="14100"/>
          <ac:picMkLst>
            <pc:docMk/>
            <pc:sldMk cId="1399641646" sldId="2844"/>
            <ac:picMk id="8" creationId="{E4403871-D065-7BAF-5EF6-530F478648AB}"/>
          </ac:picMkLst>
        </pc:picChg>
      </pc:sldChg>
      <pc:sldChg chg="delSp modSp mod delDesignElem">
        <pc:chgData name="芳彦 植野" userId="86ab4e6fb1040a80" providerId="LiveId" clId="{BFBCDECB-9651-4182-BD0E-B931606F27C9}" dt="2024-01-08T08:27:22.990" v="4804" actId="255"/>
        <pc:sldMkLst>
          <pc:docMk/>
          <pc:sldMk cId="1963578631" sldId="284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963578631" sldId="2849"/>
            <ac:spMk id="92162" creationId="{EEF22499-55FB-641C-9607-BD18192BD347}"/>
          </ac:spMkLst>
        </pc:spChg>
        <pc:spChg chg="mod">
          <ac:chgData name="芳彦 植野" userId="86ab4e6fb1040a80" providerId="LiveId" clId="{BFBCDECB-9651-4182-BD0E-B931606F27C9}" dt="2024-01-08T08:27:22.990" v="4804" actId="255"/>
          <ac:spMkLst>
            <pc:docMk/>
            <pc:sldMk cId="1963578631" sldId="2849"/>
            <ac:spMk id="92165" creationId="{68EACB01-14C3-DC6D-664A-FBB3796D1895}"/>
          </ac:spMkLst>
        </pc:spChg>
        <pc:spChg chg="del mod">
          <ac:chgData name="芳彦 植野" userId="86ab4e6fb1040a80" providerId="LiveId" clId="{BFBCDECB-9651-4182-BD0E-B931606F27C9}" dt="2024-01-08T08:19:19.004" v="4732"/>
          <ac:spMkLst>
            <pc:docMk/>
            <pc:sldMk cId="1963578631" sldId="2849"/>
            <ac:spMk id="92200" creationId="{521C4EA8-6B83-4338-913D-D75D3C4F34D6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963578631" sldId="2849"/>
            <ac:spMk id="92204" creationId="{99413ED5-9ED4-4772-BCE4-2BCAE6B12E35}"/>
          </ac:spMkLst>
        </pc:spChg>
        <pc:spChg chg="del mod">
          <ac:chgData name="芳彦 植野" userId="86ab4e6fb1040a80" providerId="LiveId" clId="{BFBCDECB-9651-4182-BD0E-B931606F27C9}" dt="2024-01-08T08:19:19.004" v="4732"/>
          <ac:spMkLst>
            <pc:docMk/>
            <pc:sldMk cId="1963578631" sldId="2849"/>
            <ac:spMk id="92206" creationId="{04357C93-F0CB-4A1C-8F77-4E9063789819}"/>
          </ac:spMkLst>
        </pc:spChg>
        <pc:grpChg chg="del mod">
          <ac:chgData name="芳彦 植野" userId="86ab4e6fb1040a80" providerId="LiveId" clId="{BFBCDECB-9651-4182-BD0E-B931606F27C9}" dt="2024-01-08T08:19:19.004" v="4732"/>
          <ac:grpSpMkLst>
            <pc:docMk/>
            <pc:sldMk cId="1963578631" sldId="2849"/>
            <ac:grpSpMk id="92202" creationId="{3AF6A671-C637-4547-85F4-51B6D1881399}"/>
          </ac:grpSpMkLst>
        </pc:grpChg>
        <pc:picChg chg="mod">
          <ac:chgData name="芳彦 植野" userId="86ab4e6fb1040a80" providerId="LiveId" clId="{BFBCDECB-9651-4182-BD0E-B931606F27C9}" dt="2024-01-08T08:27:08.949" v="4803" actId="1076"/>
          <ac:picMkLst>
            <pc:docMk/>
            <pc:sldMk cId="1963578631" sldId="2849"/>
            <ac:picMk id="92163" creationId="{6FC849F4-5C7A-130C-ADF5-92A8808B7847}"/>
          </ac:picMkLst>
        </pc:picChg>
        <pc:picChg chg="mod">
          <ac:chgData name="芳彦 植野" userId="86ab4e6fb1040a80" providerId="LiveId" clId="{BFBCDECB-9651-4182-BD0E-B931606F27C9}" dt="2024-01-08T08:27:05.532" v="4802" actId="1076"/>
          <ac:picMkLst>
            <pc:docMk/>
            <pc:sldMk cId="1963578631" sldId="2849"/>
            <ac:picMk id="92164" creationId="{C69DFC64-A13C-14DA-260C-196A9B1FD711}"/>
          </ac:picMkLst>
        </pc:picChg>
        <pc:cxnChg chg="mod">
          <ac:chgData name="芳彦 植野" userId="86ab4e6fb1040a80" providerId="LiveId" clId="{BFBCDECB-9651-4182-BD0E-B931606F27C9}" dt="2024-01-08T08:19:19.004" v="4732"/>
          <ac:cxnSpMkLst>
            <pc:docMk/>
            <pc:sldMk cId="1963578631" sldId="2849"/>
            <ac:cxnSpMk id="92203" creationId="{C575CF26-3D3C-4C5A-A2B7-00432016EF62}"/>
          </ac:cxnSpMkLst>
        </pc:cxnChg>
      </pc:sldChg>
      <pc:sldChg chg="modSp del">
        <pc:chgData name="芳彦 植野" userId="86ab4e6fb1040a80" providerId="LiveId" clId="{BFBCDECB-9651-4182-BD0E-B931606F27C9}" dt="2024-01-08T08:27:31.821" v="4805" actId="2696"/>
        <pc:sldMkLst>
          <pc:docMk/>
          <pc:sldMk cId="625510361" sldId="2854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625510361" sldId="2854"/>
            <ac:spMk id="2" creationId="{94F7349A-E4A1-FD67-2555-6C036B62E661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625510361" sldId="2854"/>
            <ac:picMk id="3" creationId="{7C46352E-9EE8-CBC6-0559-EC92564A9298}"/>
          </ac:picMkLst>
        </pc:picChg>
      </pc:sldChg>
      <pc:sldChg chg="add del">
        <pc:chgData name="芳彦 植野" userId="86ab4e6fb1040a80" providerId="LiveId" clId="{BFBCDECB-9651-4182-BD0E-B931606F27C9}" dt="2023-09-24T07:40:37.305" v="767" actId="2696"/>
        <pc:sldMkLst>
          <pc:docMk/>
          <pc:sldMk cId="2015830059" sldId="2855"/>
        </pc:sldMkLst>
      </pc:sldChg>
      <pc:sldChg chg="del">
        <pc:chgData name="芳彦 植野" userId="86ab4e6fb1040a80" providerId="LiveId" clId="{BFBCDECB-9651-4182-BD0E-B931606F27C9}" dt="2023-09-24T07:40:23.839" v="765" actId="2696"/>
        <pc:sldMkLst>
          <pc:docMk/>
          <pc:sldMk cId="3026629182" sldId="2855"/>
        </pc:sldMkLst>
      </pc:sldChg>
      <pc:sldChg chg="modSp del">
        <pc:chgData name="芳彦 植野" userId="86ab4e6fb1040a80" providerId="LiveId" clId="{BFBCDECB-9651-4182-BD0E-B931606F27C9}" dt="2024-01-08T19:51:02.617" v="4818" actId="2696"/>
        <pc:sldMkLst>
          <pc:docMk/>
          <pc:sldMk cId="1019126061" sldId="2856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019126061" sldId="2856"/>
            <ac:spMk id="3" creationId="{98EEF7ED-38D9-626A-BF4C-FE8BA9FE21F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019126061" sldId="2856"/>
            <ac:spMk id="76802" creationId="{55224766-D39D-C660-A689-AE766B3D816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019126061" sldId="2856"/>
            <ac:spMk id="76804" creationId="{92AAE037-AEF8-40E1-3A4F-8B41612E1526}"/>
          </ac:spMkLst>
        </pc:spChg>
      </pc:sldChg>
      <pc:sldChg chg="del">
        <pc:chgData name="芳彦 植野" userId="86ab4e6fb1040a80" providerId="LiveId" clId="{BFBCDECB-9651-4182-BD0E-B931606F27C9}" dt="2023-09-25T02:57:03.558" v="3660" actId="2696"/>
        <pc:sldMkLst>
          <pc:docMk/>
          <pc:sldMk cId="2414629598" sldId="2857"/>
        </pc:sldMkLst>
      </pc:sldChg>
      <pc:sldChg chg="del">
        <pc:chgData name="芳彦 植野" userId="86ab4e6fb1040a80" providerId="LiveId" clId="{BFBCDECB-9651-4182-BD0E-B931606F27C9}" dt="2023-09-24T10:02:22.218" v="1076" actId="2696"/>
        <pc:sldMkLst>
          <pc:docMk/>
          <pc:sldMk cId="1933415543" sldId="2866"/>
        </pc:sldMkLst>
      </pc:sldChg>
      <pc:sldChg chg="del">
        <pc:chgData name="芳彦 植野" userId="86ab4e6fb1040a80" providerId="LiveId" clId="{BFBCDECB-9651-4182-BD0E-B931606F27C9}" dt="2023-09-24T10:02:23.153" v="1077" actId="2696"/>
        <pc:sldMkLst>
          <pc:docMk/>
          <pc:sldMk cId="4111805004" sldId="2867"/>
        </pc:sldMkLst>
      </pc:sldChg>
      <pc:sldChg chg="modSp add mod">
        <pc:chgData name="芳彦 植野" userId="86ab4e6fb1040a80" providerId="LiveId" clId="{BFBCDECB-9651-4182-BD0E-B931606F27C9}" dt="2024-01-08T08:25:57.742" v="4794" actId="14100"/>
        <pc:sldMkLst>
          <pc:docMk/>
          <pc:sldMk cId="0" sldId="2869"/>
        </pc:sldMkLst>
        <pc:spChg chg="mod">
          <ac:chgData name="芳彦 植野" userId="86ab4e6fb1040a80" providerId="LiveId" clId="{BFBCDECB-9651-4182-BD0E-B931606F27C9}" dt="2024-01-08T08:25:57.742" v="4794" actId="14100"/>
          <ac:spMkLst>
            <pc:docMk/>
            <pc:sldMk cId="0" sldId="2869"/>
            <ac:spMk id="41" creationId="{00000000-0000-0000-0000-000000000000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869"/>
            <ac:picMk id="2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869"/>
            <ac:picMk id="3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869"/>
            <ac:picMk id="42" creationId="{00000000-0000-0000-0000-000000000000}"/>
          </ac:picMkLst>
        </pc:picChg>
      </pc:sldChg>
      <pc:sldChg chg="modSp add mod">
        <pc:chgData name="芳彦 植野" userId="86ab4e6fb1040a80" providerId="LiveId" clId="{BFBCDECB-9651-4182-BD0E-B931606F27C9}" dt="2024-01-08T08:26:15.831" v="4797" actId="1076"/>
        <pc:sldMkLst>
          <pc:docMk/>
          <pc:sldMk cId="0" sldId="2870"/>
        </pc:sldMkLst>
        <pc:spChg chg="mod">
          <ac:chgData name="芳彦 植野" userId="86ab4e6fb1040a80" providerId="LiveId" clId="{BFBCDECB-9651-4182-BD0E-B931606F27C9}" dt="2024-01-08T08:26:15.831" v="4797" actId="1076"/>
          <ac:spMkLst>
            <pc:docMk/>
            <pc:sldMk cId="0" sldId="2870"/>
            <ac:spMk id="43" creationId="{00000000-0000-0000-0000-000000000000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870"/>
            <ac:picMk id="2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870"/>
            <ac:picMk id="3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870"/>
            <ac:picMk id="4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870"/>
            <ac:picMk id="5" creationId="{00000000-0000-0000-0000-000000000000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0" sldId="2870"/>
            <ac:picMk id="44" creationId="{00000000-0000-0000-0000-000000000000}"/>
          </ac:picMkLst>
        </pc:picChg>
      </pc:sldChg>
      <pc:sldChg chg="del">
        <pc:chgData name="芳彦 植野" userId="86ab4e6fb1040a80" providerId="LiveId" clId="{BFBCDECB-9651-4182-BD0E-B931606F27C9}" dt="2023-09-23T20:57:03.511" v="25" actId="2696"/>
        <pc:sldMkLst>
          <pc:docMk/>
          <pc:sldMk cId="0" sldId="2874"/>
        </pc:sldMkLst>
      </pc:sldChg>
      <pc:sldChg chg="modSp">
        <pc:chgData name="芳彦 植野" userId="86ab4e6fb1040a80" providerId="LiveId" clId="{BFBCDECB-9651-4182-BD0E-B931606F27C9}" dt="2024-01-08T08:19:19.004" v="4732"/>
        <pc:sldMkLst>
          <pc:docMk/>
          <pc:sldMk cId="1347679879" sldId="287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2" creationId="{2CE3BDF3-479D-F0AA-8EE2-7984A71423DD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5" creationId="{3F3D9843-9092-9148-2EDE-5699545D2842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6" creationId="{770610F5-7E38-3924-C365-F2CB9BBA7632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18" creationId="{F2456C3D-C41B-D87E-9680-2B9377ACD1B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3077" creationId="{2050CA8D-54BC-E115-64CF-93DA4D07D85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3078" creationId="{9AE6BBC5-B3E4-C29D-C270-6084EEA5C0D5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3079" creationId="{9A840153-F974-59A2-D30E-45D224626D1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3080" creationId="{C3969B52-6080-D5EE-11AB-14CDDCB7459F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3081" creationId="{FD8247B1-3A9E-E1C3-7B54-91A908B2D10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3082" creationId="{49C18333-3BAB-CF1C-3F78-1930510A35E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3083" creationId="{5065A7D8-7D9B-0AB4-F27B-9C1810D10F4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3084" creationId="{7173B6D3-23D6-B1BA-69BD-4FEC293B37F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68621" creationId="{DE288203-66B4-EEBA-98FC-0EAA62230BD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68622" creationId="{BDF1800C-3847-4648-7EB0-65C5EC0E0055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68623" creationId="{2F0CF1DD-E0CF-8F30-3DB0-3534681650A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68624" creationId="{EDCACA28-010E-20AB-0616-53F6AD64A11E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347679879" sldId="2879"/>
            <ac:spMk id="68629" creationId="{8409E723-0AA6-A24A-20F5-EEA753CDA536}"/>
          </ac:spMkLst>
        </pc:sp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1347679879" sldId="2879"/>
            <ac:picMk id="68610" creationId="{B9F84F23-03CA-4B28-FE83-A8970B8E14FD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1347679879" sldId="2879"/>
            <ac:picMk id="68611" creationId="{E8D6DFAF-D691-DA3E-B862-7790740F0353}"/>
          </ac:picMkLst>
        </pc:picChg>
        <pc:picChg chg="mod">
          <ac:chgData name="芳彦 植野" userId="86ab4e6fb1040a80" providerId="LiveId" clId="{BFBCDECB-9651-4182-BD0E-B931606F27C9}" dt="2024-01-08T08:19:19.004" v="4732"/>
          <ac:picMkLst>
            <pc:docMk/>
            <pc:sldMk cId="1347679879" sldId="2879"/>
            <ac:picMk id="68626" creationId="{8329E9B4-451F-6015-CF59-3A5E0F40327F}"/>
          </ac:picMkLst>
        </pc:picChg>
      </pc:sldChg>
      <pc:sldChg chg="addSp modSp mod modNotes">
        <pc:chgData name="芳彦 植野" userId="86ab4e6fb1040a80" providerId="LiveId" clId="{BFBCDECB-9651-4182-BD0E-B931606F27C9}" dt="2024-01-08T19:51:54.180" v="4846" actId="20577"/>
        <pc:sldMkLst>
          <pc:docMk/>
          <pc:sldMk cId="3620435233" sldId="2880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2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3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4" creationId="{0B7F9216-0CAC-B8FB-B42B-67A5A8B1DDE8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5" creationId="{118D255F-CFC1-7205-E1C1-757570A2E87E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6" creationId="{E53C304E-AB13-D79F-656C-325C0FB2A92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7" creationId="{4F4A3A44-F049-FBDD-EC03-3B69F16738BB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8" creationId="{A647F7CE-1228-3354-DDDA-C543BDA09EE6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9" creationId="{3C9D2D79-D158-CCF9-FD7B-7032F4BBF39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10" creationId="{7DF6BDAE-BEA9-2180-0684-EA97801F8EA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11" creationId="{D8FAF77C-9DE4-1E5A-9ADA-37CB2F3AD0A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12" creationId="{4B754F01-E414-81DE-CE71-BBF1666B7A1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13" creationId="{05DD360F-2CFF-9900-E39A-3E1F81EBD501}"/>
          </ac:spMkLst>
        </pc:spChg>
        <pc:spChg chg="mod">
          <ac:chgData name="芳彦 植野" userId="86ab4e6fb1040a80" providerId="LiveId" clId="{BFBCDECB-9651-4182-BD0E-B931606F27C9}" dt="2024-01-08T19:51:31.946" v="4822" actId="1076"/>
          <ac:spMkLst>
            <pc:docMk/>
            <pc:sldMk cId="3620435233" sldId="2880"/>
            <ac:spMk id="14" creationId="{F2B6CD98-8A4A-9CD9-C272-C0947652B36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15" creationId="{F37F030A-7566-C53D-80E2-2237580C7BC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16" creationId="{00000000-0000-0000-0000-000000000000}"/>
          </ac:spMkLst>
        </pc:spChg>
        <pc:spChg chg="add mod">
          <ac:chgData name="芳彦 植野" userId="86ab4e6fb1040a80" providerId="LiveId" clId="{BFBCDECB-9651-4182-BD0E-B931606F27C9}" dt="2024-01-08T19:51:54.180" v="4846" actId="20577"/>
          <ac:spMkLst>
            <pc:docMk/>
            <pc:sldMk cId="3620435233" sldId="2880"/>
            <ac:spMk id="17" creationId="{484C9523-3CC0-D21A-F8D9-D9D11193ABE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19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20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21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22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24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26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27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28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30725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30728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30730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30731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30732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30734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30740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620435233" sldId="2880"/>
            <ac:spMk id="50180" creationId="{00000000-0000-0000-0000-000000000000}"/>
          </ac:spMkLst>
        </pc:spChg>
      </pc:sldChg>
      <pc:sldChg chg="addSp modSp mod modNotes">
        <pc:chgData name="芳彦 植野" userId="86ab4e6fb1040a80" providerId="LiveId" clId="{BFBCDECB-9651-4182-BD0E-B931606F27C9}" dt="2024-01-08T19:52:32.429" v="4900" actId="20577"/>
        <pc:sldMkLst>
          <pc:docMk/>
          <pc:sldMk cId="4090103671" sldId="2881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2" creationId="{C2D85D8F-E286-A9E4-DB9B-0E099763AB2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3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4" creationId="{FB738B35-EE77-380A-393F-298BC6D29A6B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5" creationId="{118D255F-CFC1-7205-E1C1-757570A2E87E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6" creationId="{D64B767D-66EB-0BDB-6C01-9C4D439C9723}"/>
          </ac:spMkLst>
        </pc:spChg>
        <pc:spChg chg="add mod">
          <ac:chgData name="芳彦 植野" userId="86ab4e6fb1040a80" providerId="LiveId" clId="{BFBCDECB-9651-4182-BD0E-B931606F27C9}" dt="2024-01-08T19:52:32.429" v="4900" actId="20577"/>
          <ac:spMkLst>
            <pc:docMk/>
            <pc:sldMk cId="4090103671" sldId="2881"/>
            <ac:spMk id="7" creationId="{51CA3BC4-6E9F-AEBE-0514-700B75ABDC7F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13" creationId="{05DD360F-2CFF-9900-E39A-3E1F81EBD501}"/>
          </ac:spMkLst>
        </pc:spChg>
        <pc:spChg chg="mod">
          <ac:chgData name="芳彦 植野" userId="86ab4e6fb1040a80" providerId="LiveId" clId="{BFBCDECB-9651-4182-BD0E-B931606F27C9}" dt="2024-01-08T19:52:05.113" v="4847" actId="1076"/>
          <ac:spMkLst>
            <pc:docMk/>
            <pc:sldMk cId="4090103671" sldId="2881"/>
            <ac:spMk id="14" creationId="{F2B6CD98-8A4A-9CD9-C272-C0947652B363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15" creationId="{48CF99FA-8F7A-54C9-B973-6C864DB7484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17" creationId="{C2CA906A-054A-28F2-6FF5-E3EBD4BC8A42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18" creationId="{5EABB9C0-BBC0-8E4A-9B63-DF197BD4D99F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21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23" creationId="{416A128D-6D81-A036-0AE8-3D47D5102A7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25" creationId="{887ADA1A-47AA-6894-EC2E-DA5A5131468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30" creationId="{0726911E-17C9-8F45-1685-A622C3F50694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31" creationId="{CAC4976F-06AA-695D-A1AA-5DCAE4C3D6FC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30725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30730" creationId="{00000000-0000-0000-0000-0000000000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50176" creationId="{4530B532-5055-DE3C-7981-364307B262C6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50177" creationId="{24F549A0-9C3B-8179-E585-6150424A7A00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4090103671" sldId="2881"/>
            <ac:spMk id="50180" creationId="{00000000-0000-0000-0000-000000000000}"/>
          </ac:spMkLst>
        </pc:spChg>
      </pc:sldChg>
      <pc:sldChg chg="del">
        <pc:chgData name="芳彦 植野" userId="86ab4e6fb1040a80" providerId="LiveId" clId="{BFBCDECB-9651-4182-BD0E-B931606F27C9}" dt="2023-09-23T20:57:06.185" v="26" actId="2696"/>
        <pc:sldMkLst>
          <pc:docMk/>
          <pc:sldMk cId="3547136350" sldId="2882"/>
        </pc:sldMkLst>
      </pc:sldChg>
      <pc:sldChg chg="modSp del mod">
        <pc:chgData name="芳彦 植野" userId="86ab4e6fb1040a80" providerId="LiveId" clId="{BFBCDECB-9651-4182-BD0E-B931606F27C9}" dt="2024-01-08T19:51:04.258" v="4820" actId="2696"/>
        <pc:sldMkLst>
          <pc:docMk/>
          <pc:sldMk cId="535816091" sldId="2884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535816091" sldId="2884"/>
            <ac:spMk id="2" creationId="{E770A853-93A0-8828-B655-2C99C3760581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535816091" sldId="2884"/>
            <ac:spMk id="3" creationId="{DECC6718-5F24-BDAA-388D-0A307F230B69}"/>
          </ac:spMkLst>
        </pc:spChg>
      </pc:sldChg>
      <pc:sldChg chg="new del">
        <pc:chgData name="芳彦 植野" userId="86ab4e6fb1040a80" providerId="LiveId" clId="{BFBCDECB-9651-4182-BD0E-B931606F27C9}" dt="2023-09-24T03:07:14.062" v="46" actId="2696"/>
        <pc:sldMkLst>
          <pc:docMk/>
          <pc:sldMk cId="2903798721" sldId="2885"/>
        </pc:sldMkLst>
      </pc:sldChg>
      <pc:sldChg chg="new del">
        <pc:chgData name="芳彦 植野" userId="86ab4e6fb1040a80" providerId="LiveId" clId="{BFBCDECB-9651-4182-BD0E-B931606F27C9}" dt="2023-09-24T03:10:13.476" v="61" actId="2696"/>
        <pc:sldMkLst>
          <pc:docMk/>
          <pc:sldMk cId="3634210172" sldId="2886"/>
        </pc:sldMkLst>
      </pc:sldChg>
      <pc:sldChg chg="new del">
        <pc:chgData name="芳彦 植野" userId="86ab4e6fb1040a80" providerId="LiveId" clId="{BFBCDECB-9651-4182-BD0E-B931606F27C9}" dt="2023-09-24T03:24:54.784" v="369" actId="2696"/>
        <pc:sldMkLst>
          <pc:docMk/>
          <pc:sldMk cId="1262493618" sldId="2887"/>
        </pc:sldMkLst>
      </pc:sldChg>
      <pc:sldChg chg="new del">
        <pc:chgData name="芳彦 植野" userId="86ab4e6fb1040a80" providerId="LiveId" clId="{BFBCDECB-9651-4182-BD0E-B931606F27C9}" dt="2023-09-24T03:24:55.483" v="370" actId="2696"/>
        <pc:sldMkLst>
          <pc:docMk/>
          <pc:sldMk cId="3921274269" sldId="2888"/>
        </pc:sldMkLst>
      </pc:sldChg>
      <pc:sldChg chg="new del">
        <pc:chgData name="芳彦 植野" userId="86ab4e6fb1040a80" providerId="LiveId" clId="{BFBCDECB-9651-4182-BD0E-B931606F27C9}" dt="2023-09-24T03:24:56.891" v="371" actId="2696"/>
        <pc:sldMkLst>
          <pc:docMk/>
          <pc:sldMk cId="3517339976" sldId="2889"/>
        </pc:sldMkLst>
      </pc:sldChg>
      <pc:sldChg chg="add del setBg">
        <pc:chgData name="芳彦 植野" userId="86ab4e6fb1040a80" providerId="LiveId" clId="{BFBCDECB-9651-4182-BD0E-B931606F27C9}" dt="2023-09-24T03:16:49.973" v="82" actId="2696"/>
        <pc:sldMkLst>
          <pc:docMk/>
          <pc:sldMk cId="0" sldId="2890"/>
        </pc:sldMkLst>
      </pc:sldChg>
      <pc:sldChg chg="add del setBg">
        <pc:chgData name="芳彦 植野" userId="86ab4e6fb1040a80" providerId="LiveId" clId="{BFBCDECB-9651-4182-BD0E-B931606F27C9}" dt="2023-09-24T03:16:43.516" v="81" actId="2696"/>
        <pc:sldMkLst>
          <pc:docMk/>
          <pc:sldMk cId="0" sldId="2891"/>
        </pc:sldMkLst>
      </pc:sldChg>
      <pc:sldChg chg="modSp add del mod setBg">
        <pc:chgData name="芳彦 植野" userId="86ab4e6fb1040a80" providerId="LiveId" clId="{BFBCDECB-9651-4182-BD0E-B931606F27C9}" dt="2023-10-21T21:51:11.088" v="4404" actId="2696"/>
        <pc:sldMkLst>
          <pc:docMk/>
          <pc:sldMk cId="0" sldId="2892"/>
        </pc:sldMkLst>
        <pc:spChg chg="mod">
          <ac:chgData name="芳彦 植野" userId="86ab4e6fb1040a80" providerId="LiveId" clId="{BFBCDECB-9651-4182-BD0E-B931606F27C9}" dt="2023-09-24T03:21:52.676" v="361" actId="255"/>
          <ac:spMkLst>
            <pc:docMk/>
            <pc:sldMk cId="0" sldId="2892"/>
            <ac:spMk id="53" creationId="{00000000-0000-0000-0000-000000000000}"/>
          </ac:spMkLst>
        </pc:spChg>
      </pc:sldChg>
      <pc:sldChg chg="modSp add del mod setBg">
        <pc:chgData name="芳彦 植野" userId="86ab4e6fb1040a80" providerId="LiveId" clId="{BFBCDECB-9651-4182-BD0E-B931606F27C9}" dt="2024-01-08T08:19:19.004" v="4732"/>
        <pc:sldMkLst>
          <pc:docMk/>
          <pc:sldMk cId="1154156214" sldId="2893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154156214" sldId="2893"/>
            <ac:spMk id="2" creationId="{F652D511-F8C6-862D-A92D-38D88A04069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1154156214" sldId="2893"/>
            <ac:spMk id="3" creationId="{26B6B0B8-DE1A-4B7C-AAC8-E0AB6A360189}"/>
          </ac:spMkLst>
        </pc:spChg>
      </pc:sldChg>
      <pc:sldChg chg="add del setBg">
        <pc:chgData name="芳彦 植野" userId="86ab4e6fb1040a80" providerId="LiveId" clId="{BFBCDECB-9651-4182-BD0E-B931606F27C9}" dt="2024-01-06T10:51:44.180" v="4726" actId="2696"/>
        <pc:sldMkLst>
          <pc:docMk/>
          <pc:sldMk cId="2811051347" sldId="2894"/>
        </pc:sldMkLst>
        <pc:spChg chg="mod">
          <ac:chgData name="芳彦 植野" userId="86ab4e6fb1040a80" providerId="LiveId" clId="{BFBCDECB-9651-4182-BD0E-B931606F27C9}" dt="2023-09-24T07:45:29.704" v="927" actId="20577"/>
          <ac:spMkLst>
            <pc:docMk/>
            <pc:sldMk cId="2811051347" sldId="2894"/>
            <ac:spMk id="3" creationId="{26B6B0B8-DE1A-4B7C-AAC8-E0AB6A360189}"/>
          </ac:spMkLst>
        </pc:spChg>
      </pc:sldChg>
      <pc:sldChg chg="modSp add del mod setBg">
        <pc:chgData name="芳彦 植野" userId="86ab4e6fb1040a80" providerId="LiveId" clId="{BFBCDECB-9651-4182-BD0E-B931606F27C9}" dt="2024-01-08T08:19:19.004" v="4732"/>
        <pc:sldMkLst>
          <pc:docMk/>
          <pc:sldMk cId="2430663733" sldId="2895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430663733" sldId="2895"/>
            <ac:spMk id="2" creationId="{F652D511-F8C6-862D-A92D-38D88A04069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430663733" sldId="2895"/>
            <ac:spMk id="3" creationId="{26B6B0B8-DE1A-4B7C-AAC8-E0AB6A360189}"/>
          </ac:spMkLst>
        </pc:spChg>
      </pc:sldChg>
      <pc:sldChg chg="add del">
        <pc:chgData name="芳彦 植野" userId="86ab4e6fb1040a80" providerId="LiveId" clId="{BFBCDECB-9651-4182-BD0E-B931606F27C9}" dt="2023-09-24T22:07:02.599" v="2646" actId="2696"/>
        <pc:sldMkLst>
          <pc:docMk/>
          <pc:sldMk cId="143651908" sldId="2896"/>
        </pc:sldMkLst>
      </pc:sldChg>
      <pc:sldChg chg="modSp add mod">
        <pc:chgData name="芳彦 植野" userId="86ab4e6fb1040a80" providerId="LiveId" clId="{BFBCDECB-9651-4182-BD0E-B931606F27C9}" dt="2024-01-08T19:55:31.793" v="4948" actId="14100"/>
        <pc:sldMkLst>
          <pc:docMk/>
          <pc:sldMk cId="697849466" sldId="2896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697849466" sldId="2896"/>
            <ac:spMk id="2" creationId="{F652D511-F8C6-862D-A92D-38D88A040697}"/>
          </ac:spMkLst>
        </pc:spChg>
        <pc:spChg chg="mod">
          <ac:chgData name="芳彦 植野" userId="86ab4e6fb1040a80" providerId="LiveId" clId="{BFBCDECB-9651-4182-BD0E-B931606F27C9}" dt="2024-01-08T19:55:31.793" v="4948" actId="14100"/>
          <ac:spMkLst>
            <pc:docMk/>
            <pc:sldMk cId="697849466" sldId="2896"/>
            <ac:spMk id="3" creationId="{26B6B0B8-DE1A-4B7C-AAC8-E0AB6A360189}"/>
          </ac:spMkLst>
        </pc:spChg>
      </pc:sldChg>
      <pc:sldChg chg="modSp add mod">
        <pc:chgData name="芳彦 植野" userId="86ab4e6fb1040a80" providerId="LiveId" clId="{BFBCDECB-9651-4182-BD0E-B931606F27C9}" dt="2024-01-08T08:26:34.392" v="4798" actId="14100"/>
        <pc:sldMkLst>
          <pc:docMk/>
          <pc:sldMk cId="2074533326" sldId="2897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074533326" sldId="2897"/>
            <ac:spMk id="2" creationId="{F652D511-F8C6-862D-A92D-38D88A040697}"/>
          </ac:spMkLst>
        </pc:spChg>
        <pc:spChg chg="mod">
          <ac:chgData name="芳彦 植野" userId="86ab4e6fb1040a80" providerId="LiveId" clId="{BFBCDECB-9651-4182-BD0E-B931606F27C9}" dt="2024-01-08T08:26:34.392" v="4798" actId="14100"/>
          <ac:spMkLst>
            <pc:docMk/>
            <pc:sldMk cId="2074533326" sldId="2897"/>
            <ac:spMk id="3" creationId="{26B6B0B8-DE1A-4B7C-AAC8-E0AB6A360189}"/>
          </ac:spMkLst>
        </pc:spChg>
      </pc:sldChg>
      <pc:sldChg chg="add del">
        <pc:chgData name="芳彦 植野" userId="86ab4e6fb1040a80" providerId="LiveId" clId="{BFBCDECB-9651-4182-BD0E-B931606F27C9}" dt="2023-09-24T10:02:33.687" v="1078" actId="2696"/>
        <pc:sldMkLst>
          <pc:docMk/>
          <pc:sldMk cId="3490202345" sldId="2898"/>
        </pc:sldMkLst>
      </pc:sldChg>
      <pc:sldChg chg="modSp add del mod">
        <pc:chgData name="芳彦 植野" userId="86ab4e6fb1040a80" providerId="LiveId" clId="{BFBCDECB-9651-4182-BD0E-B931606F27C9}" dt="2024-01-08T19:51:01.573" v="4817" actId="2696"/>
        <pc:sldMkLst>
          <pc:docMk/>
          <pc:sldMk cId="201027317" sldId="2899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01027317" sldId="2899"/>
            <ac:spMk id="2" creationId="{F652D511-F8C6-862D-A92D-38D88A04069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201027317" sldId="2899"/>
            <ac:spMk id="3" creationId="{26B6B0B8-DE1A-4B7C-AAC8-E0AB6A360189}"/>
          </ac:spMkLst>
        </pc:spChg>
      </pc:sldChg>
      <pc:sldChg chg="modSp add mod">
        <pc:chgData name="芳彦 植野" userId="86ab4e6fb1040a80" providerId="LiveId" clId="{BFBCDECB-9651-4182-BD0E-B931606F27C9}" dt="2024-01-08T08:19:19.004" v="4732"/>
        <pc:sldMkLst>
          <pc:docMk/>
          <pc:sldMk cId="3915366380" sldId="2900"/>
        </pc:sldMkLst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15366380" sldId="2900"/>
            <ac:spMk id="2" creationId="{F652D511-F8C6-862D-A92D-38D88A04069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k cId="3915366380" sldId="2900"/>
            <ac:spMk id="3" creationId="{26B6B0B8-DE1A-4B7C-AAC8-E0AB6A360189}"/>
          </ac:spMkLst>
        </pc:spChg>
      </pc:sldChg>
      <pc:sldChg chg="add">
        <pc:chgData name="芳彦 植野" userId="86ab4e6fb1040a80" providerId="LiveId" clId="{BFBCDECB-9651-4182-BD0E-B931606F27C9}" dt="2024-01-08T20:58:26.449" v="5187"/>
        <pc:sldMkLst>
          <pc:docMk/>
          <pc:sldMk cId="3009567186" sldId="2901"/>
        </pc:sldMkLst>
      </pc:sldChg>
      <pc:sldChg chg="add del">
        <pc:chgData name="芳彦 植野" userId="86ab4e6fb1040a80" providerId="LiveId" clId="{BFBCDECB-9651-4182-BD0E-B931606F27C9}" dt="2024-01-08T20:00:24.610" v="4971" actId="2696"/>
        <pc:sldMkLst>
          <pc:docMk/>
          <pc:sldMk cId="3080810971" sldId="2901"/>
        </pc:sldMkLst>
      </pc:sldChg>
      <pc:sldChg chg="add del">
        <pc:chgData name="芳彦 植野" userId="86ab4e6fb1040a80" providerId="LiveId" clId="{BFBCDECB-9651-4182-BD0E-B931606F27C9}" dt="2024-01-09T00:37:09.806" v="5221" actId="2696"/>
        <pc:sldMkLst>
          <pc:docMk/>
          <pc:sldMk cId="0" sldId="2902"/>
        </pc:sldMkLst>
      </pc:sldChg>
      <pc:sldMasterChg chg="modSp delSldLayout modSldLayout">
        <pc:chgData name="芳彦 植野" userId="86ab4e6fb1040a80" providerId="LiveId" clId="{BFBCDECB-9651-4182-BD0E-B931606F27C9}" dt="2024-01-08T08:19:19.004" v="4732"/>
        <pc:sldMasterMkLst>
          <pc:docMk/>
          <pc:sldMasterMk cId="90473866" sldId="2147483648"/>
        </pc:sldMasterMkLst>
        <pc:spChg chg="mod">
          <ac:chgData name="芳彦 植野" userId="86ab4e6fb1040a80" providerId="LiveId" clId="{BFBCDECB-9651-4182-BD0E-B931606F27C9}" dt="2024-01-08T08:19:19.004" v="4732"/>
          <ac:spMkLst>
            <pc:docMk/>
            <pc:sldMasterMk cId="90473866" sldId="2147483648"/>
            <ac:spMk id="2" creationId="{47318EA1-DCF9-E9E4-A502-818443A1DD87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asterMk cId="90473866" sldId="2147483648"/>
            <ac:spMk id="3" creationId="{3CE7C8CB-204A-D13D-D2C2-DB969D47CBEB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asterMk cId="90473866" sldId="2147483648"/>
            <ac:spMk id="4" creationId="{A9F61F83-870D-2256-F6F0-CA83B9D5C04B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asterMk cId="90473866" sldId="2147483648"/>
            <ac:spMk id="5" creationId="{B7B1447F-274A-0322-37F5-807A274FCD39}"/>
          </ac:spMkLst>
        </pc:spChg>
        <pc:spChg chg="mod">
          <ac:chgData name="芳彦 植野" userId="86ab4e6fb1040a80" providerId="LiveId" clId="{BFBCDECB-9651-4182-BD0E-B931606F27C9}" dt="2024-01-08T08:19:19.004" v="4732"/>
          <ac:spMkLst>
            <pc:docMk/>
            <pc:sldMasterMk cId="90473866" sldId="2147483648"/>
            <ac:spMk id="6" creationId="{910A37EF-0ADF-2B63-76B6-39336250D1CF}"/>
          </ac:spMkLst>
        </pc:spChg>
        <pc:sldLayoutChg chg="modSp">
          <pc:chgData name="芳彦 植野" userId="86ab4e6fb1040a80" providerId="LiveId" clId="{BFBCDECB-9651-4182-BD0E-B931606F27C9}" dt="2024-01-08T08:19:19.004" v="4732"/>
          <pc:sldLayoutMkLst>
            <pc:docMk/>
            <pc:sldMasterMk cId="90473866" sldId="2147483648"/>
            <pc:sldLayoutMk cId="1649778648" sldId="2147483649"/>
          </pc:sldLayoutMkLst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1649778648" sldId="2147483649"/>
              <ac:spMk id="2" creationId="{94160A01-FBA8-A9D4-D996-B0425E7E7347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1649778648" sldId="2147483649"/>
              <ac:spMk id="3" creationId="{7A790D33-EE1C-08A8-084E-AEE798E5862B}"/>
            </ac:spMkLst>
          </pc:spChg>
        </pc:sldLayoutChg>
        <pc:sldLayoutChg chg="modSp">
          <pc:chgData name="芳彦 植野" userId="86ab4e6fb1040a80" providerId="LiveId" clId="{BFBCDECB-9651-4182-BD0E-B931606F27C9}" dt="2024-01-08T08:19:19.004" v="4732"/>
          <pc:sldLayoutMkLst>
            <pc:docMk/>
            <pc:sldMasterMk cId="90473866" sldId="2147483648"/>
            <pc:sldLayoutMk cId="1953508037" sldId="2147483651"/>
          </pc:sldLayoutMkLst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1953508037" sldId="2147483651"/>
              <ac:spMk id="2" creationId="{7F7E5AE1-AAB4-C59F-3DE5-4363429D3787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1953508037" sldId="2147483651"/>
              <ac:spMk id="3" creationId="{EEF6896A-DF49-FE86-E69A-2689A5AE5850}"/>
            </ac:spMkLst>
          </pc:spChg>
        </pc:sldLayoutChg>
        <pc:sldLayoutChg chg="modSp">
          <pc:chgData name="芳彦 植野" userId="86ab4e6fb1040a80" providerId="LiveId" clId="{BFBCDECB-9651-4182-BD0E-B931606F27C9}" dt="2024-01-08T08:19:19.004" v="4732"/>
          <pc:sldLayoutMkLst>
            <pc:docMk/>
            <pc:sldMasterMk cId="90473866" sldId="2147483648"/>
            <pc:sldLayoutMk cId="1759656377" sldId="2147483652"/>
          </pc:sldLayoutMkLst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1759656377" sldId="2147483652"/>
              <ac:spMk id="3" creationId="{2EB051A8-0964-599E-AF09-129844A575AB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1759656377" sldId="2147483652"/>
              <ac:spMk id="4" creationId="{A3F3E01A-13E8-8D05-E2B4-83C11A4720D9}"/>
            </ac:spMkLst>
          </pc:spChg>
        </pc:sldLayoutChg>
        <pc:sldLayoutChg chg="modSp">
          <pc:chgData name="芳彦 植野" userId="86ab4e6fb1040a80" providerId="LiveId" clId="{BFBCDECB-9651-4182-BD0E-B931606F27C9}" dt="2024-01-08T08:19:19.004" v="4732"/>
          <pc:sldLayoutMkLst>
            <pc:docMk/>
            <pc:sldMasterMk cId="90473866" sldId="2147483648"/>
            <pc:sldLayoutMk cId="778113405" sldId="2147483653"/>
          </pc:sldLayoutMkLst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778113405" sldId="2147483653"/>
              <ac:spMk id="2" creationId="{E240525C-992C-32AA-6940-F87E36769205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778113405" sldId="2147483653"/>
              <ac:spMk id="3" creationId="{9FE19195-B1DD-E3DC-B918-023DEAA15820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778113405" sldId="2147483653"/>
              <ac:spMk id="4" creationId="{5063E58A-8A39-EEF6-5D73-0825ABDC7811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778113405" sldId="2147483653"/>
              <ac:spMk id="5" creationId="{7B0DC085-E495-75E1-21F5-F743F177D30C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778113405" sldId="2147483653"/>
              <ac:spMk id="6" creationId="{B9FF9886-F839-CD2D-5824-7B6012FF38BD}"/>
            </ac:spMkLst>
          </pc:spChg>
        </pc:sldLayoutChg>
        <pc:sldLayoutChg chg="modSp">
          <pc:chgData name="芳彦 植野" userId="86ab4e6fb1040a80" providerId="LiveId" clId="{BFBCDECB-9651-4182-BD0E-B931606F27C9}" dt="2024-01-08T08:19:19.004" v="4732"/>
          <pc:sldLayoutMkLst>
            <pc:docMk/>
            <pc:sldMasterMk cId="90473866" sldId="2147483648"/>
            <pc:sldLayoutMk cId="3510531253" sldId="2147483656"/>
          </pc:sldLayoutMkLst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3510531253" sldId="2147483656"/>
              <ac:spMk id="2" creationId="{2F7DDD46-139A-17E8-F226-2FE4E274CAE2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3510531253" sldId="2147483656"/>
              <ac:spMk id="3" creationId="{F7067D28-B4E3-35C1-0CD0-58CBE8858375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3510531253" sldId="2147483656"/>
              <ac:spMk id="4" creationId="{7452128F-D3FE-7FD5-C690-CB9B703C0846}"/>
            </ac:spMkLst>
          </pc:spChg>
        </pc:sldLayoutChg>
        <pc:sldLayoutChg chg="modSp">
          <pc:chgData name="芳彦 植野" userId="86ab4e6fb1040a80" providerId="LiveId" clId="{BFBCDECB-9651-4182-BD0E-B931606F27C9}" dt="2024-01-08T08:19:19.004" v="4732"/>
          <pc:sldLayoutMkLst>
            <pc:docMk/>
            <pc:sldMasterMk cId="90473866" sldId="2147483648"/>
            <pc:sldLayoutMk cId="2284242340" sldId="2147483657"/>
          </pc:sldLayoutMkLst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2284242340" sldId="2147483657"/>
              <ac:spMk id="2" creationId="{F57BF24E-1BAA-A78A-7F7E-265D93830388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2284242340" sldId="2147483657"/>
              <ac:spMk id="3" creationId="{4B05681F-E1A2-6887-D8D5-4B706C5CB35D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2284242340" sldId="2147483657"/>
              <ac:spMk id="4" creationId="{B20AA3E8-D9AA-6D45-134F-50EEB03BA8CE}"/>
            </ac:spMkLst>
          </pc:spChg>
        </pc:sldLayoutChg>
        <pc:sldLayoutChg chg="modSp">
          <pc:chgData name="芳彦 植野" userId="86ab4e6fb1040a80" providerId="LiveId" clId="{BFBCDECB-9651-4182-BD0E-B931606F27C9}" dt="2024-01-08T08:19:19.004" v="4732"/>
          <pc:sldLayoutMkLst>
            <pc:docMk/>
            <pc:sldMasterMk cId="90473866" sldId="2147483648"/>
            <pc:sldLayoutMk cId="1330809735" sldId="2147483659"/>
          </pc:sldLayoutMkLst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1330809735" sldId="2147483659"/>
              <ac:spMk id="2" creationId="{31879EFF-9C2A-335B-57BE-AC2569380710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1330809735" sldId="2147483659"/>
              <ac:spMk id="3" creationId="{B8D9DC5F-3547-501C-0D04-6BF5F04F798E}"/>
            </ac:spMkLst>
          </pc:spChg>
        </pc:sldLayoutChg>
        <pc:sldLayoutChg chg="modSp">
          <pc:chgData name="芳彦 植野" userId="86ab4e6fb1040a80" providerId="LiveId" clId="{BFBCDECB-9651-4182-BD0E-B931606F27C9}" dt="2024-01-08T08:19:19.004" v="4732"/>
          <pc:sldLayoutMkLst>
            <pc:docMk/>
            <pc:sldMasterMk cId="90473866" sldId="2147483648"/>
            <pc:sldLayoutMk cId="741146224" sldId="2147483661"/>
          </pc:sldLayoutMkLst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741146224" sldId="2147483661"/>
              <ac:spMk id="2" creationId="{36AE578F-6998-94BB-8091-392B10A41C01}"/>
            </ac:spMkLst>
          </pc:spChg>
          <pc:spChg chg="mod">
            <ac:chgData name="芳彦 植野" userId="86ab4e6fb1040a80" providerId="LiveId" clId="{BFBCDECB-9651-4182-BD0E-B931606F27C9}" dt="2024-01-08T08:19:19.004" v="4732"/>
            <ac:spMkLst>
              <pc:docMk/>
              <pc:sldMasterMk cId="90473866" sldId="2147483648"/>
              <pc:sldLayoutMk cId="741146224" sldId="2147483661"/>
              <ac:spMk id="3" creationId="{FE19DD15-982E-0012-E7E0-49F33E81639C}"/>
            </ac:spMkLst>
          </pc:spChg>
        </pc:sldLayoutChg>
        <pc:sldLayoutChg chg="del">
          <pc:chgData name="芳彦 植野" userId="86ab4e6fb1040a80" providerId="LiveId" clId="{BFBCDECB-9651-4182-BD0E-B931606F27C9}" dt="2023-09-23T20:57:06.185" v="26" actId="2696"/>
          <pc:sldLayoutMkLst>
            <pc:docMk/>
            <pc:sldMasterMk cId="90473866" sldId="2147483648"/>
            <pc:sldLayoutMk cId="845599536" sldId="2147483662"/>
          </pc:sldLayoutMkLst>
        </pc:sldLayoutChg>
      </pc:sldMasterChg>
      <pc:sldMasterChg chg="delSldLayout">
        <pc:chgData name="芳彦 植野" userId="86ab4e6fb1040a80" providerId="LiveId" clId="{BFBCDECB-9651-4182-BD0E-B931606F27C9}" dt="2024-01-08T08:27:31.821" v="4805" actId="2696"/>
        <pc:sldMasterMkLst>
          <pc:docMk/>
          <pc:sldMasterMk cId="323540107" sldId="2147483662"/>
        </pc:sldMasterMkLst>
        <pc:sldLayoutChg chg="del">
          <pc:chgData name="芳彦 植野" userId="86ab4e6fb1040a80" providerId="LiveId" clId="{BFBCDECB-9651-4182-BD0E-B931606F27C9}" dt="2024-01-08T08:27:31.821" v="4805" actId="2696"/>
          <pc:sldLayoutMkLst>
            <pc:docMk/>
            <pc:sldMasterMk cId="323540107" sldId="2147483662"/>
            <pc:sldLayoutMk cId="3870875842" sldId="2147483674"/>
          </pc:sldLayoutMkLst>
        </pc:sldLayoutChg>
      </pc:sldMasterChg>
    </pc:docChg>
  </pc:docChgLst>
  <pc:docChgLst>
    <pc:chgData name="芳彦 植野" userId="86ab4e6fb1040a80" providerId="LiveId" clId="{7F879A1B-ADAA-49B5-880D-A54215C19007}"/>
    <pc:docChg chg="modSld">
      <pc:chgData name="芳彦 植野" userId="86ab4e6fb1040a80" providerId="LiveId" clId="{7F879A1B-ADAA-49B5-880D-A54215C19007}" dt="2023-09-22T03:59:48.277" v="1" actId="1076"/>
      <pc:docMkLst>
        <pc:docMk/>
      </pc:docMkLst>
      <pc:sldChg chg="modSp mod">
        <pc:chgData name="芳彦 植野" userId="86ab4e6fb1040a80" providerId="LiveId" clId="{7F879A1B-ADAA-49B5-880D-A54215C19007}" dt="2023-09-22T03:59:48.277" v="1" actId="1076"/>
        <pc:sldMkLst>
          <pc:docMk/>
          <pc:sldMk cId="3026629182" sldId="2855"/>
        </pc:sldMkLst>
        <pc:picChg chg="mod">
          <ac:chgData name="芳彦 植野" userId="86ab4e6fb1040a80" providerId="LiveId" clId="{7F879A1B-ADAA-49B5-880D-A54215C19007}" dt="2023-09-22T03:59:48.277" v="1" actId="1076"/>
          <ac:picMkLst>
            <pc:docMk/>
            <pc:sldMk cId="3026629182" sldId="2855"/>
            <ac:picMk id="3" creationId="{75837287-A7B7-3755-D0BF-D5C49D079356}"/>
          </ac:picMkLst>
        </pc:picChg>
      </pc:sldChg>
    </pc:docChg>
  </pc:docChgLst>
  <pc:docChgLst>
    <pc:chgData name="芳彦 植野" userId="86ab4e6fb1040a80" providerId="LiveId" clId="{A6FF3A50-E7A3-4D6A-9DCD-C9D95B137832}"/>
    <pc:docChg chg="undo custSel addSld delSld modSld">
      <pc:chgData name="芳彦 植野" userId="86ab4e6fb1040a80" providerId="LiveId" clId="{A6FF3A50-E7A3-4D6A-9DCD-C9D95B137832}" dt="2023-09-21T22:42:59.544" v="23" actId="2696"/>
      <pc:docMkLst>
        <pc:docMk/>
      </pc:docMkLst>
      <pc:sldChg chg="del">
        <pc:chgData name="芳彦 植野" userId="86ab4e6fb1040a80" providerId="LiveId" clId="{A6FF3A50-E7A3-4D6A-9DCD-C9D95B137832}" dt="2023-09-21T22:42:44.588" v="19" actId="2696"/>
        <pc:sldMkLst>
          <pc:docMk/>
          <pc:sldMk cId="0" sldId="256"/>
        </pc:sldMkLst>
      </pc:sldChg>
      <pc:sldChg chg="del">
        <pc:chgData name="芳彦 植野" userId="86ab4e6fb1040a80" providerId="LiveId" clId="{A6FF3A50-E7A3-4D6A-9DCD-C9D95B137832}" dt="2023-09-21T22:41:56.264" v="8" actId="2696"/>
        <pc:sldMkLst>
          <pc:docMk/>
          <pc:sldMk cId="0" sldId="258"/>
        </pc:sldMkLst>
      </pc:sldChg>
      <pc:sldChg chg="del">
        <pc:chgData name="芳彦 植野" userId="86ab4e6fb1040a80" providerId="LiveId" clId="{A6FF3A50-E7A3-4D6A-9DCD-C9D95B137832}" dt="2023-09-21T22:42:13.162" v="13" actId="2696"/>
        <pc:sldMkLst>
          <pc:docMk/>
          <pc:sldMk cId="3105041597" sldId="259"/>
        </pc:sldMkLst>
      </pc:sldChg>
      <pc:sldChg chg="add del">
        <pc:chgData name="芳彦 植野" userId="86ab4e6fb1040a80" providerId="LiveId" clId="{A6FF3A50-E7A3-4D6A-9DCD-C9D95B137832}" dt="2023-09-21T22:42:17.984" v="15" actId="2696"/>
        <pc:sldMkLst>
          <pc:docMk/>
          <pc:sldMk cId="3864494719" sldId="260"/>
        </pc:sldMkLst>
      </pc:sldChg>
      <pc:sldChg chg="del">
        <pc:chgData name="芳彦 植野" userId="86ab4e6fb1040a80" providerId="LiveId" clId="{A6FF3A50-E7A3-4D6A-9DCD-C9D95B137832}" dt="2023-09-21T22:42:22.376" v="16" actId="2696"/>
        <pc:sldMkLst>
          <pc:docMk/>
          <pc:sldMk cId="1272659354" sldId="261"/>
        </pc:sldMkLst>
      </pc:sldChg>
      <pc:sldChg chg="del">
        <pc:chgData name="芳彦 植野" userId="86ab4e6fb1040a80" providerId="LiveId" clId="{A6FF3A50-E7A3-4D6A-9DCD-C9D95B137832}" dt="2023-09-21T22:39:26.870" v="1" actId="2696"/>
        <pc:sldMkLst>
          <pc:docMk/>
          <pc:sldMk cId="0" sldId="1162"/>
        </pc:sldMkLst>
      </pc:sldChg>
      <pc:sldChg chg="add">
        <pc:chgData name="芳彦 植野" userId="86ab4e6fb1040a80" providerId="LiveId" clId="{A6FF3A50-E7A3-4D6A-9DCD-C9D95B137832}" dt="2023-09-21T22:40:16.633" v="3"/>
        <pc:sldMkLst>
          <pc:docMk/>
          <pc:sldMk cId="3254675291" sldId="1725"/>
        </pc:sldMkLst>
      </pc:sldChg>
      <pc:sldChg chg="del">
        <pc:chgData name="芳彦 植野" userId="86ab4e6fb1040a80" providerId="LiveId" clId="{A6FF3A50-E7A3-4D6A-9DCD-C9D95B137832}" dt="2023-09-21T22:42:45.416" v="20" actId="2696"/>
        <pc:sldMkLst>
          <pc:docMk/>
          <pc:sldMk cId="0" sldId="2801"/>
        </pc:sldMkLst>
      </pc:sldChg>
      <pc:sldChg chg="del">
        <pc:chgData name="芳彦 植野" userId="86ab4e6fb1040a80" providerId="LiveId" clId="{A6FF3A50-E7A3-4D6A-9DCD-C9D95B137832}" dt="2023-09-21T22:42:46.717" v="21" actId="2696"/>
        <pc:sldMkLst>
          <pc:docMk/>
          <pc:sldMk cId="0" sldId="2802"/>
        </pc:sldMkLst>
      </pc:sldChg>
      <pc:sldChg chg="del">
        <pc:chgData name="芳彦 植野" userId="86ab4e6fb1040a80" providerId="LiveId" clId="{A6FF3A50-E7A3-4D6A-9DCD-C9D95B137832}" dt="2023-09-21T22:42:59.544" v="23" actId="2696"/>
        <pc:sldMkLst>
          <pc:docMk/>
          <pc:sldMk cId="88604803" sldId="2805"/>
        </pc:sldMkLst>
      </pc:sldChg>
      <pc:sldChg chg="del">
        <pc:chgData name="芳彦 植野" userId="86ab4e6fb1040a80" providerId="LiveId" clId="{A6FF3A50-E7A3-4D6A-9DCD-C9D95B137832}" dt="2023-09-21T22:42:48.212" v="22" actId="2696"/>
        <pc:sldMkLst>
          <pc:docMk/>
          <pc:sldMk cId="0" sldId="2806"/>
        </pc:sldMkLst>
      </pc:sldChg>
      <pc:sldChg chg="del">
        <pc:chgData name="芳彦 植野" userId="86ab4e6fb1040a80" providerId="LiveId" clId="{A6FF3A50-E7A3-4D6A-9DCD-C9D95B137832}" dt="2023-09-21T22:42:39.409" v="18" actId="2696"/>
        <pc:sldMkLst>
          <pc:docMk/>
          <pc:sldMk cId="0" sldId="2807"/>
        </pc:sldMkLst>
      </pc:sldChg>
      <pc:sldChg chg="add">
        <pc:chgData name="芳彦 植野" userId="86ab4e6fb1040a80" providerId="LiveId" clId="{A6FF3A50-E7A3-4D6A-9DCD-C9D95B137832}" dt="2023-09-21T22:39:19.873" v="0"/>
        <pc:sldMkLst>
          <pc:docMk/>
          <pc:sldMk cId="2459585590" sldId="2819"/>
        </pc:sldMkLst>
      </pc:sldChg>
      <pc:sldChg chg="del">
        <pc:chgData name="芳彦 植野" userId="86ab4e6fb1040a80" providerId="LiveId" clId="{A6FF3A50-E7A3-4D6A-9DCD-C9D95B137832}" dt="2023-09-21T22:41:42.969" v="4" actId="2696"/>
        <pc:sldMkLst>
          <pc:docMk/>
          <pc:sldMk cId="2330735275" sldId="2851"/>
        </pc:sldMkLst>
      </pc:sldChg>
      <pc:sldChg chg="del">
        <pc:chgData name="芳彦 植野" userId="86ab4e6fb1040a80" providerId="LiveId" clId="{A6FF3A50-E7A3-4D6A-9DCD-C9D95B137832}" dt="2023-09-21T22:41:43.864" v="5" actId="2696"/>
        <pc:sldMkLst>
          <pc:docMk/>
          <pc:sldMk cId="3287002869" sldId="2852"/>
        </pc:sldMkLst>
      </pc:sldChg>
      <pc:sldChg chg="del">
        <pc:chgData name="芳彦 植野" userId="86ab4e6fb1040a80" providerId="LiveId" clId="{A6FF3A50-E7A3-4D6A-9DCD-C9D95B137832}" dt="2023-09-21T22:41:45.011" v="6" actId="2696"/>
        <pc:sldMkLst>
          <pc:docMk/>
          <pc:sldMk cId="2069674871" sldId="2853"/>
        </pc:sldMkLst>
      </pc:sldChg>
      <pc:sldChg chg="del">
        <pc:chgData name="芳彦 植野" userId="86ab4e6fb1040a80" providerId="LiveId" clId="{A6FF3A50-E7A3-4D6A-9DCD-C9D95B137832}" dt="2023-09-21T22:41:55.144" v="7" actId="2696"/>
        <pc:sldMkLst>
          <pc:docMk/>
          <pc:sldMk cId="0" sldId="2859"/>
        </pc:sldMkLst>
      </pc:sldChg>
      <pc:sldChg chg="del">
        <pc:chgData name="芳彦 植野" userId="86ab4e6fb1040a80" providerId="LiveId" clId="{A6FF3A50-E7A3-4D6A-9DCD-C9D95B137832}" dt="2023-09-21T22:41:57.444" v="9" actId="2696"/>
        <pc:sldMkLst>
          <pc:docMk/>
          <pc:sldMk cId="0" sldId="2860"/>
        </pc:sldMkLst>
      </pc:sldChg>
      <pc:sldChg chg="del">
        <pc:chgData name="芳彦 植野" userId="86ab4e6fb1040a80" providerId="LiveId" clId="{A6FF3A50-E7A3-4D6A-9DCD-C9D95B137832}" dt="2023-09-21T22:41:58.556" v="10" actId="2696"/>
        <pc:sldMkLst>
          <pc:docMk/>
          <pc:sldMk cId="0" sldId="2861"/>
        </pc:sldMkLst>
      </pc:sldChg>
      <pc:sldChg chg="del">
        <pc:chgData name="芳彦 植野" userId="86ab4e6fb1040a80" providerId="LiveId" clId="{A6FF3A50-E7A3-4D6A-9DCD-C9D95B137832}" dt="2023-09-21T22:41:59.809" v="11" actId="2696"/>
        <pc:sldMkLst>
          <pc:docMk/>
          <pc:sldMk cId="0" sldId="2865"/>
        </pc:sldMkLst>
      </pc:sldChg>
      <pc:sldChg chg="del">
        <pc:chgData name="芳彦 植野" userId="86ab4e6fb1040a80" providerId="LiveId" clId="{A6FF3A50-E7A3-4D6A-9DCD-C9D95B137832}" dt="2023-09-21T22:39:34.594" v="2" actId="2696"/>
        <pc:sldMkLst>
          <pc:docMk/>
          <pc:sldMk cId="2232321849" sldId="2875"/>
        </pc:sldMkLst>
      </pc:sldChg>
      <pc:sldChg chg="del">
        <pc:chgData name="芳彦 植野" userId="86ab4e6fb1040a80" providerId="LiveId" clId="{A6FF3A50-E7A3-4D6A-9DCD-C9D95B137832}" dt="2023-09-21T22:42:09.034" v="12" actId="2696"/>
        <pc:sldMkLst>
          <pc:docMk/>
          <pc:sldMk cId="1557690208" sldId="2876"/>
        </pc:sldMkLst>
      </pc:sldChg>
      <pc:sldChg chg="del">
        <pc:chgData name="芳彦 植野" userId="86ab4e6fb1040a80" providerId="LiveId" clId="{A6FF3A50-E7A3-4D6A-9DCD-C9D95B137832}" dt="2023-09-21T22:42:25.669" v="17" actId="2696"/>
        <pc:sldMkLst>
          <pc:docMk/>
          <pc:sldMk cId="3967144618" sldId="2883"/>
        </pc:sldMkLst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.xml"/><Relationship Id="rId2" Type="http://schemas.openxmlformats.org/officeDocument/2006/relationships/oleObject" Target="file:///E:\&#19979;&#26032;&#27211;\&#19979;&#26032;&#27211;&#12487;&#12540;&#12479;.xlsx" TargetMode="External"/><Relationship Id="rId1" Type="http://schemas.openxmlformats.org/officeDocument/2006/relationships/themeOverride" Target="../theme/themeOverrid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3.8949398085015907E-2"/>
          <c:y val="5.7283954767126895E-2"/>
          <c:w val="0.70065030279036344"/>
          <c:h val="0.87138323291232134"/>
        </c:manualLayout>
      </c:layout>
      <c:scatterChart>
        <c:scatterStyle val="lineMarker"/>
        <c:varyColors val="0"/>
        <c:ser>
          <c:idx val="0"/>
          <c:order val="0"/>
          <c:tx>
            <c:strRef>
              <c:f>グラフ!$H$2</c:f>
              <c:strCache>
                <c:ptCount val="1"/>
                <c:pt idx="0">
                  <c:v>温度℃</c:v>
                </c:pt>
              </c:strCache>
            </c:strRef>
          </c:tx>
          <c:marker>
            <c:symbol val="none"/>
          </c:marker>
          <c:xVal>
            <c:numRef>
              <c:f>グラフ!$G$6:$G$1136</c:f>
              <c:numCache>
                <c:formatCode>yyyy/m/d\ h:mm;@</c:formatCode>
                <c:ptCount val="1131"/>
                <c:pt idx="0">
                  <c:v>43238.33011574074</c:v>
                </c:pt>
                <c:pt idx="1">
                  <c:v>43238.288518518515</c:v>
                </c:pt>
                <c:pt idx="2">
                  <c:v>43238.246886574074</c:v>
                </c:pt>
                <c:pt idx="3">
                  <c:v>43238.205370370371</c:v>
                </c:pt>
                <c:pt idx="4">
                  <c:v>43238.163819444446</c:v>
                </c:pt>
                <c:pt idx="5">
                  <c:v>43238.122233796297</c:v>
                </c:pt>
                <c:pt idx="6">
                  <c:v>43238.080578703702</c:v>
                </c:pt>
                <c:pt idx="7">
                  <c:v>43238.038993055554</c:v>
                </c:pt>
                <c:pt idx="8">
                  <c:v>43237.997349537036</c:v>
                </c:pt>
                <c:pt idx="9">
                  <c:v>43237.955775462964</c:v>
                </c:pt>
                <c:pt idx="10">
                  <c:v>43237.914155092592</c:v>
                </c:pt>
                <c:pt idx="11">
                  <c:v>43237.872557870367</c:v>
                </c:pt>
                <c:pt idx="12">
                  <c:v>43237.830960648149</c:v>
                </c:pt>
                <c:pt idx="13">
                  <c:v>43237.789340277777</c:v>
                </c:pt>
                <c:pt idx="14">
                  <c:v>43237.747696759259</c:v>
                </c:pt>
                <c:pt idx="15">
                  <c:v>43237.706064814818</c:v>
                </c:pt>
                <c:pt idx="16">
                  <c:v>43237.664490740739</c:v>
                </c:pt>
                <c:pt idx="17">
                  <c:v>43237.622928240744</c:v>
                </c:pt>
                <c:pt idx="18">
                  <c:v>43237.581296296295</c:v>
                </c:pt>
                <c:pt idx="19">
                  <c:v>43237.539699074077</c:v>
                </c:pt>
                <c:pt idx="20">
                  <c:v>43237.456469907411</c:v>
                </c:pt>
                <c:pt idx="21">
                  <c:v>43237.414930555555</c:v>
                </c:pt>
                <c:pt idx="22">
                  <c:v>43237.37332175926</c:v>
                </c:pt>
                <c:pt idx="23">
                  <c:v>43237.331712962965</c:v>
                </c:pt>
                <c:pt idx="24">
                  <c:v>43237.290127314816</c:v>
                </c:pt>
                <c:pt idx="25">
                  <c:v>43237.24858796296</c:v>
                </c:pt>
                <c:pt idx="26">
                  <c:v>43237.206956018519</c:v>
                </c:pt>
                <c:pt idx="27">
                  <c:v>43237.165405092594</c:v>
                </c:pt>
                <c:pt idx="28">
                  <c:v>43237.123807870368</c:v>
                </c:pt>
                <c:pt idx="29">
                  <c:v>43237.08221064815</c:v>
                </c:pt>
                <c:pt idx="30">
                  <c:v>43237.040636574071</c:v>
                </c:pt>
                <c:pt idx="31">
                  <c:v>43236.99900462963</c:v>
                </c:pt>
                <c:pt idx="32">
                  <c:v>43236.957395833335</c:v>
                </c:pt>
                <c:pt idx="33">
                  <c:v>43236.915844907409</c:v>
                </c:pt>
                <c:pt idx="34">
                  <c:v>43236.874212962961</c:v>
                </c:pt>
                <c:pt idx="35">
                  <c:v>43236.832731481481</c:v>
                </c:pt>
                <c:pt idx="36">
                  <c:v>43236.791168981479</c:v>
                </c:pt>
                <c:pt idx="37">
                  <c:v>43236.74962962963</c:v>
                </c:pt>
                <c:pt idx="38">
                  <c:v>43236.708009259259</c:v>
                </c:pt>
                <c:pt idx="39">
                  <c:v>43236.666435185187</c:v>
                </c:pt>
                <c:pt idx="40">
                  <c:v>43236.6249537037</c:v>
                </c:pt>
                <c:pt idx="41">
                  <c:v>43236.583368055559</c:v>
                </c:pt>
                <c:pt idx="42">
                  <c:v>43236.541828703703</c:v>
                </c:pt>
                <c:pt idx="43">
                  <c:v>43236.500277777777</c:v>
                </c:pt>
                <c:pt idx="44">
                  <c:v>43236.458622685182</c:v>
                </c:pt>
                <c:pt idx="45">
                  <c:v>43236.417013888888</c:v>
                </c:pt>
                <c:pt idx="46">
                  <c:v>43236.375393518516</c:v>
                </c:pt>
                <c:pt idx="47">
                  <c:v>43236.333854166667</c:v>
                </c:pt>
                <c:pt idx="48">
                  <c:v>43236.292245370372</c:v>
                </c:pt>
                <c:pt idx="49">
                  <c:v>43236.250671296293</c:v>
                </c:pt>
                <c:pt idx="50">
                  <c:v>43236.209074074075</c:v>
                </c:pt>
                <c:pt idx="51">
                  <c:v>43236.167430555557</c:v>
                </c:pt>
                <c:pt idx="52">
                  <c:v>43236.125833333332</c:v>
                </c:pt>
                <c:pt idx="53">
                  <c:v>43236.08425925926</c:v>
                </c:pt>
                <c:pt idx="54">
                  <c:v>43236.042615740742</c:v>
                </c:pt>
                <c:pt idx="55">
                  <c:v>43236.00105324074</c:v>
                </c:pt>
                <c:pt idx="56">
                  <c:v>43235.959490740737</c:v>
                </c:pt>
                <c:pt idx="57">
                  <c:v>43235.917986111112</c:v>
                </c:pt>
                <c:pt idx="58">
                  <c:v>43235.876388888886</c:v>
                </c:pt>
                <c:pt idx="59">
                  <c:v>43235.834803240738</c:v>
                </c:pt>
                <c:pt idx="60">
                  <c:v>43235.793229166666</c:v>
                </c:pt>
                <c:pt idx="61">
                  <c:v>43235.751631944448</c:v>
                </c:pt>
                <c:pt idx="62">
                  <c:v>43235.710011574076</c:v>
                </c:pt>
                <c:pt idx="63">
                  <c:v>43235.668402777781</c:v>
                </c:pt>
                <c:pt idx="64">
                  <c:v>43235.626759259256</c:v>
                </c:pt>
                <c:pt idx="65">
                  <c:v>43235.585173611114</c:v>
                </c:pt>
                <c:pt idx="66">
                  <c:v>43235.543506944443</c:v>
                </c:pt>
                <c:pt idx="67">
                  <c:v>43235.501886574071</c:v>
                </c:pt>
                <c:pt idx="68">
                  <c:v>43235.460347222222</c:v>
                </c:pt>
                <c:pt idx="69">
                  <c:v>43235.418773148151</c:v>
                </c:pt>
                <c:pt idx="70">
                  <c:v>43235.377141203702</c:v>
                </c:pt>
                <c:pt idx="71">
                  <c:v>43235.335497685184</c:v>
                </c:pt>
                <c:pt idx="72">
                  <c:v>43235.293877314813</c:v>
                </c:pt>
                <c:pt idx="73">
                  <c:v>43235.252256944441</c:v>
                </c:pt>
                <c:pt idx="74">
                  <c:v>43235.210636574076</c:v>
                </c:pt>
                <c:pt idx="75">
                  <c:v>43235.168993055559</c:v>
                </c:pt>
                <c:pt idx="76">
                  <c:v>43235.12736111111</c:v>
                </c:pt>
                <c:pt idx="77">
                  <c:v>43235.085729166669</c:v>
                </c:pt>
                <c:pt idx="78">
                  <c:v>43235.04414351852</c:v>
                </c:pt>
                <c:pt idx="79">
                  <c:v>43235.002511574072</c:v>
                </c:pt>
                <c:pt idx="80">
                  <c:v>43234.9608912037</c:v>
                </c:pt>
                <c:pt idx="81">
                  <c:v>43234.919259259259</c:v>
                </c:pt>
                <c:pt idx="82">
                  <c:v>43234.877638888887</c:v>
                </c:pt>
                <c:pt idx="83">
                  <c:v>43234.836006944446</c:v>
                </c:pt>
                <c:pt idx="84">
                  <c:v>43234.794363425928</c:v>
                </c:pt>
                <c:pt idx="85">
                  <c:v>43234.752812500003</c:v>
                </c:pt>
                <c:pt idx="86">
                  <c:v>43234.711192129631</c:v>
                </c:pt>
                <c:pt idx="87">
                  <c:v>43234.669641203705</c:v>
                </c:pt>
                <c:pt idx="88">
                  <c:v>43234.627997685187</c:v>
                </c:pt>
                <c:pt idx="89">
                  <c:v>43234.586458333331</c:v>
                </c:pt>
                <c:pt idx="90">
                  <c:v>43234.544895833336</c:v>
                </c:pt>
                <c:pt idx="91">
                  <c:v>43234.503263888888</c:v>
                </c:pt>
                <c:pt idx="92">
                  <c:v>43234.461643518516</c:v>
                </c:pt>
                <c:pt idx="93">
                  <c:v>43234.420023148145</c:v>
                </c:pt>
                <c:pt idx="94">
                  <c:v>43234.378379629627</c:v>
                </c:pt>
                <c:pt idx="95">
                  <c:v>43234.336736111109</c:v>
                </c:pt>
                <c:pt idx="96">
                  <c:v>43234.295092592591</c:v>
                </c:pt>
                <c:pt idx="97">
                  <c:v>43234.253472222219</c:v>
                </c:pt>
                <c:pt idx="98">
                  <c:v>43234.211840277778</c:v>
                </c:pt>
                <c:pt idx="99">
                  <c:v>43234.170231481483</c:v>
                </c:pt>
                <c:pt idx="100">
                  <c:v>43234.128599537034</c:v>
                </c:pt>
                <c:pt idx="101">
                  <c:v>43234.08699074074</c:v>
                </c:pt>
                <c:pt idx="102">
                  <c:v>43234.045358796298</c:v>
                </c:pt>
                <c:pt idx="103">
                  <c:v>43234.003750000003</c:v>
                </c:pt>
                <c:pt idx="104">
                  <c:v>43233.962141203701</c:v>
                </c:pt>
                <c:pt idx="105">
                  <c:v>43233.920532407406</c:v>
                </c:pt>
                <c:pt idx="106">
                  <c:v>43233.878900462965</c:v>
                </c:pt>
                <c:pt idx="107">
                  <c:v>43233.837268518517</c:v>
                </c:pt>
                <c:pt idx="108">
                  <c:v>43233.795636574076</c:v>
                </c:pt>
                <c:pt idx="109">
                  <c:v>43233.754004629627</c:v>
                </c:pt>
                <c:pt idx="110">
                  <c:v>43233.712395833332</c:v>
                </c:pt>
                <c:pt idx="111">
                  <c:v>43233.670798611114</c:v>
                </c:pt>
                <c:pt idx="112">
                  <c:v>43233.629166666666</c:v>
                </c:pt>
                <c:pt idx="113">
                  <c:v>43233.587534722225</c:v>
                </c:pt>
                <c:pt idx="114">
                  <c:v>43233.545937499999</c:v>
                </c:pt>
                <c:pt idx="115">
                  <c:v>43233.504282407404</c:v>
                </c:pt>
                <c:pt idx="116">
                  <c:v>43233.462638888886</c:v>
                </c:pt>
                <c:pt idx="117">
                  <c:v>43233.421087962961</c:v>
                </c:pt>
                <c:pt idx="118">
                  <c:v>43233.379502314812</c:v>
                </c:pt>
                <c:pt idx="119">
                  <c:v>43233.337847222225</c:v>
                </c:pt>
                <c:pt idx="120">
                  <c:v>43233.29619212963</c:v>
                </c:pt>
                <c:pt idx="121">
                  <c:v>43233.254664351851</c:v>
                </c:pt>
                <c:pt idx="122">
                  <c:v>43233.213078703702</c:v>
                </c:pt>
                <c:pt idx="123">
                  <c:v>43233.171458333331</c:v>
                </c:pt>
                <c:pt idx="124">
                  <c:v>43233.129814814813</c:v>
                </c:pt>
                <c:pt idx="125">
                  <c:v>43233.088263888887</c:v>
                </c:pt>
                <c:pt idx="126">
                  <c:v>43233.046840277777</c:v>
                </c:pt>
                <c:pt idx="127">
                  <c:v>43233.005219907405</c:v>
                </c:pt>
                <c:pt idx="128">
                  <c:v>43232.96361111111</c:v>
                </c:pt>
                <c:pt idx="129">
                  <c:v>43232.921990740739</c:v>
                </c:pt>
                <c:pt idx="130">
                  <c:v>43232.880335648151</c:v>
                </c:pt>
                <c:pt idx="131">
                  <c:v>43232.838854166665</c:v>
                </c:pt>
                <c:pt idx="132">
                  <c:v>43232.797222222223</c:v>
                </c:pt>
                <c:pt idx="133">
                  <c:v>43232.755659722221</c:v>
                </c:pt>
                <c:pt idx="134">
                  <c:v>43232.714050925926</c:v>
                </c:pt>
                <c:pt idx="135">
                  <c:v>43232.672418981485</c:v>
                </c:pt>
                <c:pt idx="136">
                  <c:v>43232.630798611113</c:v>
                </c:pt>
                <c:pt idx="137">
                  <c:v>43232.589155092595</c:v>
                </c:pt>
                <c:pt idx="138">
                  <c:v>43232.547523148147</c:v>
                </c:pt>
                <c:pt idx="139">
                  <c:v>43232.505949074075</c:v>
                </c:pt>
                <c:pt idx="140">
                  <c:v>43232.464363425926</c:v>
                </c:pt>
                <c:pt idx="141">
                  <c:v>43232.422881944447</c:v>
                </c:pt>
                <c:pt idx="142">
                  <c:v>43232.381284722222</c:v>
                </c:pt>
                <c:pt idx="143">
                  <c:v>43232.339756944442</c:v>
                </c:pt>
                <c:pt idx="144">
                  <c:v>43232.29824074074</c:v>
                </c:pt>
                <c:pt idx="145">
                  <c:v>43232.256678240738</c:v>
                </c:pt>
                <c:pt idx="146">
                  <c:v>43232.215057870373</c:v>
                </c:pt>
                <c:pt idx="147">
                  <c:v>43232.173483796294</c:v>
                </c:pt>
                <c:pt idx="148">
                  <c:v>43232.131886574076</c:v>
                </c:pt>
                <c:pt idx="149">
                  <c:v>43232.09034722222</c:v>
                </c:pt>
                <c:pt idx="150">
                  <c:v>43232.048738425925</c:v>
                </c:pt>
                <c:pt idx="151">
                  <c:v>43232.007164351853</c:v>
                </c:pt>
                <c:pt idx="152">
                  <c:v>43231.965567129628</c:v>
                </c:pt>
                <c:pt idx="153">
                  <c:v>43231.924062500002</c:v>
                </c:pt>
                <c:pt idx="154">
                  <c:v>43231.882430555554</c:v>
                </c:pt>
                <c:pt idx="155">
                  <c:v>43231.840787037036</c:v>
                </c:pt>
                <c:pt idx="156">
                  <c:v>43231.799143518518</c:v>
                </c:pt>
                <c:pt idx="157">
                  <c:v>43231.757557870369</c:v>
                </c:pt>
                <c:pt idx="158">
                  <c:v>43231.715925925928</c:v>
                </c:pt>
                <c:pt idx="159">
                  <c:v>43231.674328703702</c:v>
                </c:pt>
                <c:pt idx="160">
                  <c:v>43231.632870370369</c:v>
                </c:pt>
                <c:pt idx="161">
                  <c:v>43231.591226851851</c:v>
                </c:pt>
                <c:pt idx="162">
                  <c:v>43231.549629629626</c:v>
                </c:pt>
                <c:pt idx="163">
                  <c:v>43231.508113425924</c:v>
                </c:pt>
                <c:pt idx="164">
                  <c:v>43231.466469907406</c:v>
                </c:pt>
                <c:pt idx="165">
                  <c:v>43231.424861111111</c:v>
                </c:pt>
                <c:pt idx="166">
                  <c:v>43231.383229166669</c:v>
                </c:pt>
                <c:pt idx="167">
                  <c:v>43231.341631944444</c:v>
                </c:pt>
                <c:pt idx="168">
                  <c:v>43231.3</c:v>
                </c:pt>
                <c:pt idx="169">
                  <c:v>43231.258402777778</c:v>
                </c:pt>
                <c:pt idx="170">
                  <c:v>43231.216793981483</c:v>
                </c:pt>
                <c:pt idx="171">
                  <c:v>43231.175185185188</c:v>
                </c:pt>
                <c:pt idx="172">
                  <c:v>43231.13354166667</c:v>
                </c:pt>
                <c:pt idx="173">
                  <c:v>43231.091921296298</c:v>
                </c:pt>
                <c:pt idx="174">
                  <c:v>43231.050312500003</c:v>
                </c:pt>
                <c:pt idx="175">
                  <c:v>43231.008657407408</c:v>
                </c:pt>
                <c:pt idx="176">
                  <c:v>43230.96702546296</c:v>
                </c:pt>
                <c:pt idx="177">
                  <c:v>43230.925393518519</c:v>
                </c:pt>
                <c:pt idx="178">
                  <c:v>43230.883750000001</c:v>
                </c:pt>
                <c:pt idx="179">
                  <c:v>43230.842141203706</c:v>
                </c:pt>
                <c:pt idx="180">
                  <c:v>43230.800509259258</c:v>
                </c:pt>
                <c:pt idx="181">
                  <c:v>43230.758912037039</c:v>
                </c:pt>
                <c:pt idx="182">
                  <c:v>43230.717280092591</c:v>
                </c:pt>
                <c:pt idx="183">
                  <c:v>43230.675671296296</c:v>
                </c:pt>
                <c:pt idx="184">
                  <c:v>43230.634074074071</c:v>
                </c:pt>
                <c:pt idx="185">
                  <c:v>43230.592453703706</c:v>
                </c:pt>
                <c:pt idx="186">
                  <c:v>43230.550856481481</c:v>
                </c:pt>
                <c:pt idx="187">
                  <c:v>43230.509212962963</c:v>
                </c:pt>
                <c:pt idx="188">
                  <c:v>43230.467581018522</c:v>
                </c:pt>
                <c:pt idx="189">
                  <c:v>43230.425983796296</c:v>
                </c:pt>
                <c:pt idx="190">
                  <c:v>43230.384351851855</c:v>
                </c:pt>
                <c:pt idx="191">
                  <c:v>43230.342719907407</c:v>
                </c:pt>
                <c:pt idx="192">
                  <c:v>43230.301076388889</c:v>
                </c:pt>
                <c:pt idx="193">
                  <c:v>43230.259456018517</c:v>
                </c:pt>
                <c:pt idx="194">
                  <c:v>43230.217824074076</c:v>
                </c:pt>
                <c:pt idx="195">
                  <c:v>43230.176215277781</c:v>
                </c:pt>
                <c:pt idx="196">
                  <c:v>43230.134606481479</c:v>
                </c:pt>
                <c:pt idx="197">
                  <c:v>43230.093009259261</c:v>
                </c:pt>
                <c:pt idx="198">
                  <c:v>43230.051412037035</c:v>
                </c:pt>
                <c:pt idx="199">
                  <c:v>43230.009768518517</c:v>
                </c:pt>
                <c:pt idx="200">
                  <c:v>43229.968148148146</c:v>
                </c:pt>
                <c:pt idx="201">
                  <c:v>43229.926516203705</c:v>
                </c:pt>
                <c:pt idx="202">
                  <c:v>43229.884930555556</c:v>
                </c:pt>
                <c:pt idx="203">
                  <c:v>43229.843275462961</c:v>
                </c:pt>
                <c:pt idx="204">
                  <c:v>43229.80164351852</c:v>
                </c:pt>
                <c:pt idx="205">
                  <c:v>43229.760023148148</c:v>
                </c:pt>
                <c:pt idx="206">
                  <c:v>43229.71837962963</c:v>
                </c:pt>
                <c:pt idx="207">
                  <c:v>43229.676747685182</c:v>
                </c:pt>
                <c:pt idx="208">
                  <c:v>43229.635092592594</c:v>
                </c:pt>
                <c:pt idx="209">
                  <c:v>43229.593495370369</c:v>
                </c:pt>
                <c:pt idx="210">
                  <c:v>43229.551851851851</c:v>
                </c:pt>
                <c:pt idx="211">
                  <c:v>43229.510277777779</c:v>
                </c:pt>
                <c:pt idx="212">
                  <c:v>43229.468819444446</c:v>
                </c:pt>
                <c:pt idx="213">
                  <c:v>43229.468657407408</c:v>
                </c:pt>
                <c:pt idx="214">
                  <c:v>43229.42701388889</c:v>
                </c:pt>
                <c:pt idx="215">
                  <c:v>43229.385381944441</c:v>
                </c:pt>
                <c:pt idx="216">
                  <c:v>43229.343761574077</c:v>
                </c:pt>
                <c:pt idx="217">
                  <c:v>43229.302118055559</c:v>
                </c:pt>
                <c:pt idx="218">
                  <c:v>43229.260497685187</c:v>
                </c:pt>
                <c:pt idx="219">
                  <c:v>43229.218865740739</c:v>
                </c:pt>
                <c:pt idx="220">
                  <c:v>43229.177222222221</c:v>
                </c:pt>
                <c:pt idx="221">
                  <c:v>43229.135636574072</c:v>
                </c:pt>
                <c:pt idx="222">
                  <c:v>43229.0940162037</c:v>
                </c:pt>
                <c:pt idx="223">
                  <c:v>43229.052418981482</c:v>
                </c:pt>
                <c:pt idx="224">
                  <c:v>43229.010798611111</c:v>
                </c:pt>
                <c:pt idx="225">
                  <c:v>43228.969178240739</c:v>
                </c:pt>
                <c:pt idx="226">
                  <c:v>43228.927569444444</c:v>
                </c:pt>
                <c:pt idx="227">
                  <c:v>43228.885937500003</c:v>
                </c:pt>
                <c:pt idx="228">
                  <c:v>43228.844293981485</c:v>
                </c:pt>
                <c:pt idx="229">
                  <c:v>43228.802662037036</c:v>
                </c:pt>
                <c:pt idx="230">
                  <c:v>43228.761030092595</c:v>
                </c:pt>
                <c:pt idx="231">
                  <c:v>43228.719421296293</c:v>
                </c:pt>
                <c:pt idx="232">
                  <c:v>43228.677824074075</c:v>
                </c:pt>
                <c:pt idx="233">
                  <c:v>43228.636203703703</c:v>
                </c:pt>
                <c:pt idx="234">
                  <c:v>43228.594571759262</c:v>
                </c:pt>
                <c:pt idx="235">
                  <c:v>43228.552928240744</c:v>
                </c:pt>
                <c:pt idx="236">
                  <c:v>43228.511296296296</c:v>
                </c:pt>
                <c:pt idx="237">
                  <c:v>43228.469687500001</c:v>
                </c:pt>
                <c:pt idx="238">
                  <c:v>43228.428067129629</c:v>
                </c:pt>
                <c:pt idx="239">
                  <c:v>43228.386481481481</c:v>
                </c:pt>
                <c:pt idx="240">
                  <c:v>43228.344837962963</c:v>
                </c:pt>
                <c:pt idx="241">
                  <c:v>43228.303194444445</c:v>
                </c:pt>
                <c:pt idx="242">
                  <c:v>43228.261574074073</c:v>
                </c:pt>
                <c:pt idx="243">
                  <c:v>43228.219942129632</c:v>
                </c:pt>
                <c:pt idx="244">
                  <c:v>43228.17832175926</c:v>
                </c:pt>
                <c:pt idx="245">
                  <c:v>43228.136712962965</c:v>
                </c:pt>
                <c:pt idx="246">
                  <c:v>43228.095081018517</c:v>
                </c:pt>
                <c:pt idx="247">
                  <c:v>43228.053437499999</c:v>
                </c:pt>
                <c:pt idx="248">
                  <c:v>43228.011805555558</c:v>
                </c:pt>
                <c:pt idx="249">
                  <c:v>43227.970208333332</c:v>
                </c:pt>
                <c:pt idx="250">
                  <c:v>43227.928564814814</c:v>
                </c:pt>
                <c:pt idx="251">
                  <c:v>43227.886944444443</c:v>
                </c:pt>
                <c:pt idx="252">
                  <c:v>43227.845312500001</c:v>
                </c:pt>
                <c:pt idx="253">
                  <c:v>43227.80369212963</c:v>
                </c:pt>
                <c:pt idx="254">
                  <c:v>43227.762083333335</c:v>
                </c:pt>
                <c:pt idx="255">
                  <c:v>43227.720462962963</c:v>
                </c:pt>
                <c:pt idx="256">
                  <c:v>43227.678831018522</c:v>
                </c:pt>
                <c:pt idx="257">
                  <c:v>43227.63721064815</c:v>
                </c:pt>
                <c:pt idx="258">
                  <c:v>43227.595590277779</c:v>
                </c:pt>
                <c:pt idx="259">
                  <c:v>43227.553935185184</c:v>
                </c:pt>
                <c:pt idx="260">
                  <c:v>43227.512337962966</c:v>
                </c:pt>
                <c:pt idx="261">
                  <c:v>43227.470717592594</c:v>
                </c:pt>
                <c:pt idx="262">
                  <c:v>43227.429085648146</c:v>
                </c:pt>
                <c:pt idx="263">
                  <c:v>43227.387465277781</c:v>
                </c:pt>
                <c:pt idx="264">
                  <c:v>43227.345868055556</c:v>
                </c:pt>
                <c:pt idx="265">
                  <c:v>43227.304328703707</c:v>
                </c:pt>
                <c:pt idx="266">
                  <c:v>43227.262696759259</c:v>
                </c:pt>
                <c:pt idx="267">
                  <c:v>43227.221064814818</c:v>
                </c:pt>
                <c:pt idx="268">
                  <c:v>43227.179467592592</c:v>
                </c:pt>
                <c:pt idx="269">
                  <c:v>43227.137870370374</c:v>
                </c:pt>
                <c:pt idx="270">
                  <c:v>43227.096261574072</c:v>
                </c:pt>
                <c:pt idx="271">
                  <c:v>43227.054710648146</c:v>
                </c:pt>
                <c:pt idx="272">
                  <c:v>43227.013206018521</c:v>
                </c:pt>
                <c:pt idx="273">
                  <c:v>43226.971689814818</c:v>
                </c:pt>
                <c:pt idx="274">
                  <c:v>43226.930104166669</c:v>
                </c:pt>
                <c:pt idx="275">
                  <c:v>43226.888599537036</c:v>
                </c:pt>
                <c:pt idx="276">
                  <c:v>43226.847025462965</c:v>
                </c:pt>
                <c:pt idx="277">
                  <c:v>43226.805428240739</c:v>
                </c:pt>
                <c:pt idx="278">
                  <c:v>43226.763807870368</c:v>
                </c:pt>
                <c:pt idx="279">
                  <c:v>43226.72216435185</c:v>
                </c:pt>
                <c:pt idx="280">
                  <c:v>43226.680532407408</c:v>
                </c:pt>
                <c:pt idx="281">
                  <c:v>43226.638935185183</c:v>
                </c:pt>
                <c:pt idx="282">
                  <c:v>43226.597314814811</c:v>
                </c:pt>
                <c:pt idx="283">
                  <c:v>43226.55568287037</c:v>
                </c:pt>
                <c:pt idx="284">
                  <c:v>43226.514166666668</c:v>
                </c:pt>
                <c:pt idx="285">
                  <c:v>43226.472638888888</c:v>
                </c:pt>
                <c:pt idx="286">
                  <c:v>43226.431041666663</c:v>
                </c:pt>
                <c:pt idx="287">
                  <c:v>43226.389398148145</c:v>
                </c:pt>
                <c:pt idx="288">
                  <c:v>43226.34778935185</c:v>
                </c:pt>
                <c:pt idx="289">
                  <c:v>43226.306180555555</c:v>
                </c:pt>
                <c:pt idx="290">
                  <c:v>43226.264548611114</c:v>
                </c:pt>
                <c:pt idx="291">
                  <c:v>43226.222905092596</c:v>
                </c:pt>
                <c:pt idx="292">
                  <c:v>43226.181296296294</c:v>
                </c:pt>
                <c:pt idx="293">
                  <c:v>43226.139652777776</c:v>
                </c:pt>
                <c:pt idx="294">
                  <c:v>43226.098078703704</c:v>
                </c:pt>
                <c:pt idx="295">
                  <c:v>43226.056504629632</c:v>
                </c:pt>
                <c:pt idx="296">
                  <c:v>43226.01494212963</c:v>
                </c:pt>
                <c:pt idx="297">
                  <c:v>43225.973368055558</c:v>
                </c:pt>
                <c:pt idx="298">
                  <c:v>43225.93178240741</c:v>
                </c:pt>
                <c:pt idx="299">
                  <c:v>43225.890150462961</c:v>
                </c:pt>
                <c:pt idx="300">
                  <c:v>43225.848587962966</c:v>
                </c:pt>
                <c:pt idx="301">
                  <c:v>43225.806932870371</c:v>
                </c:pt>
                <c:pt idx="302">
                  <c:v>43225.765300925923</c:v>
                </c:pt>
                <c:pt idx="303">
                  <c:v>43225.723692129628</c:v>
                </c:pt>
                <c:pt idx="304">
                  <c:v>43225.682118055556</c:v>
                </c:pt>
                <c:pt idx="305">
                  <c:v>43225.640486111108</c:v>
                </c:pt>
                <c:pt idx="306">
                  <c:v>43225.59884259259</c:v>
                </c:pt>
                <c:pt idx="307">
                  <c:v>43225.557199074072</c:v>
                </c:pt>
                <c:pt idx="308">
                  <c:v>43225.515555555554</c:v>
                </c:pt>
                <c:pt idx="309">
                  <c:v>43225.473958333336</c:v>
                </c:pt>
                <c:pt idx="310">
                  <c:v>43225.432314814818</c:v>
                </c:pt>
                <c:pt idx="311">
                  <c:v>43225.390740740739</c:v>
                </c:pt>
                <c:pt idx="312">
                  <c:v>43225.349108796298</c:v>
                </c:pt>
                <c:pt idx="313">
                  <c:v>43225.307511574072</c:v>
                </c:pt>
                <c:pt idx="314">
                  <c:v>43225.265914351854</c:v>
                </c:pt>
                <c:pt idx="315">
                  <c:v>43225.224317129629</c:v>
                </c:pt>
                <c:pt idx="316">
                  <c:v>43225.18273148148</c:v>
                </c:pt>
                <c:pt idx="317">
                  <c:v>43225.141099537039</c:v>
                </c:pt>
                <c:pt idx="318">
                  <c:v>43225.09951388889</c:v>
                </c:pt>
                <c:pt idx="319">
                  <c:v>43225.057870370372</c:v>
                </c:pt>
                <c:pt idx="320">
                  <c:v>43225.016250000001</c:v>
                </c:pt>
                <c:pt idx="321">
                  <c:v>43224.974699074075</c:v>
                </c:pt>
                <c:pt idx="322">
                  <c:v>43224.933067129627</c:v>
                </c:pt>
                <c:pt idx="323">
                  <c:v>43224.891435185185</c:v>
                </c:pt>
                <c:pt idx="324">
                  <c:v>43224.849791666667</c:v>
                </c:pt>
                <c:pt idx="325">
                  <c:v>43224.808159722219</c:v>
                </c:pt>
                <c:pt idx="326">
                  <c:v>43224.766550925924</c:v>
                </c:pt>
                <c:pt idx="327">
                  <c:v>43224.724895833337</c:v>
                </c:pt>
                <c:pt idx="328">
                  <c:v>43224.683252314811</c:v>
                </c:pt>
                <c:pt idx="329">
                  <c:v>43224.641608796293</c:v>
                </c:pt>
                <c:pt idx="330">
                  <c:v>43224.599976851852</c:v>
                </c:pt>
                <c:pt idx="331">
                  <c:v>43224.558368055557</c:v>
                </c:pt>
                <c:pt idx="332">
                  <c:v>43224.516736111109</c:v>
                </c:pt>
                <c:pt idx="333">
                  <c:v>43224.475092592591</c:v>
                </c:pt>
                <c:pt idx="334">
                  <c:v>43224.43346064815</c:v>
                </c:pt>
                <c:pt idx="335">
                  <c:v>43224.391793981478</c:v>
                </c:pt>
                <c:pt idx="336">
                  <c:v>43224.35015046296</c:v>
                </c:pt>
                <c:pt idx="337">
                  <c:v>43224.308541666665</c:v>
                </c:pt>
                <c:pt idx="338">
                  <c:v>43224.266909722224</c:v>
                </c:pt>
                <c:pt idx="339">
                  <c:v>43224.225277777776</c:v>
                </c:pt>
                <c:pt idx="340">
                  <c:v>43224.183645833335</c:v>
                </c:pt>
                <c:pt idx="341">
                  <c:v>43224.142002314817</c:v>
                </c:pt>
                <c:pt idx="342">
                  <c:v>43224.100439814814</c:v>
                </c:pt>
                <c:pt idx="343">
                  <c:v>43224.058865740742</c:v>
                </c:pt>
                <c:pt idx="344">
                  <c:v>43224.017256944448</c:v>
                </c:pt>
                <c:pt idx="345">
                  <c:v>43223.975648148145</c:v>
                </c:pt>
                <c:pt idx="346">
                  <c:v>43223.934120370373</c:v>
                </c:pt>
                <c:pt idx="347">
                  <c:v>43223.892500000002</c:v>
                </c:pt>
                <c:pt idx="348">
                  <c:v>43223.850914351853</c:v>
                </c:pt>
                <c:pt idx="349">
                  <c:v>43223.809317129628</c:v>
                </c:pt>
                <c:pt idx="350">
                  <c:v>43223.76767361111</c:v>
                </c:pt>
                <c:pt idx="351">
                  <c:v>43223.726064814815</c:v>
                </c:pt>
                <c:pt idx="352">
                  <c:v>43223.684444444443</c:v>
                </c:pt>
                <c:pt idx="353">
                  <c:v>43223.642835648148</c:v>
                </c:pt>
                <c:pt idx="354">
                  <c:v>43223.60119212963</c:v>
                </c:pt>
                <c:pt idx="355">
                  <c:v>43223.559583333335</c:v>
                </c:pt>
                <c:pt idx="356">
                  <c:v>43223.517951388887</c:v>
                </c:pt>
                <c:pt idx="357">
                  <c:v>43223.476342592592</c:v>
                </c:pt>
                <c:pt idx="358">
                  <c:v>43223.434733796297</c:v>
                </c:pt>
                <c:pt idx="359">
                  <c:v>43223.393090277779</c:v>
                </c:pt>
                <c:pt idx="360">
                  <c:v>43223.351469907408</c:v>
                </c:pt>
                <c:pt idx="361">
                  <c:v>43223.309861111113</c:v>
                </c:pt>
                <c:pt idx="362">
                  <c:v>43223.268206018518</c:v>
                </c:pt>
                <c:pt idx="363">
                  <c:v>43223.226585648146</c:v>
                </c:pt>
                <c:pt idx="364">
                  <c:v>43223.184953703705</c:v>
                </c:pt>
                <c:pt idx="365">
                  <c:v>43223.143333333333</c:v>
                </c:pt>
                <c:pt idx="366">
                  <c:v>43223.101724537039</c:v>
                </c:pt>
                <c:pt idx="367">
                  <c:v>43223.060104166667</c:v>
                </c:pt>
                <c:pt idx="368">
                  <c:v>43223.018460648149</c:v>
                </c:pt>
                <c:pt idx="369">
                  <c:v>43222.9768287037</c:v>
                </c:pt>
                <c:pt idx="370">
                  <c:v>43222.935208333336</c:v>
                </c:pt>
                <c:pt idx="371">
                  <c:v>43222.893553240741</c:v>
                </c:pt>
                <c:pt idx="372">
                  <c:v>43222.851979166669</c:v>
                </c:pt>
                <c:pt idx="373">
                  <c:v>43222.810416666667</c:v>
                </c:pt>
                <c:pt idx="374">
                  <c:v>43222.768784722219</c:v>
                </c:pt>
                <c:pt idx="375">
                  <c:v>43222.727152777778</c:v>
                </c:pt>
                <c:pt idx="376">
                  <c:v>43222.685532407406</c:v>
                </c:pt>
                <c:pt idx="377">
                  <c:v>43222.643923611111</c:v>
                </c:pt>
                <c:pt idx="378">
                  <c:v>43222.602337962962</c:v>
                </c:pt>
                <c:pt idx="379">
                  <c:v>43222.560729166667</c:v>
                </c:pt>
                <c:pt idx="380">
                  <c:v>43222.519120370373</c:v>
                </c:pt>
                <c:pt idx="381">
                  <c:v>43222.477488425924</c:v>
                </c:pt>
                <c:pt idx="382">
                  <c:v>43222.435902777775</c:v>
                </c:pt>
                <c:pt idx="383">
                  <c:v>43222.394270833334</c:v>
                </c:pt>
                <c:pt idx="384">
                  <c:v>43222.352743055555</c:v>
                </c:pt>
                <c:pt idx="385">
                  <c:v>43222.311122685183</c:v>
                </c:pt>
                <c:pt idx="386">
                  <c:v>43222.269606481481</c:v>
                </c:pt>
                <c:pt idx="387">
                  <c:v>43222.228009259263</c:v>
                </c:pt>
                <c:pt idx="388">
                  <c:v>43222.186377314814</c:v>
                </c:pt>
                <c:pt idx="389">
                  <c:v>43222.144837962966</c:v>
                </c:pt>
                <c:pt idx="390">
                  <c:v>43222.103217592594</c:v>
                </c:pt>
                <c:pt idx="391">
                  <c:v>43222.061597222222</c:v>
                </c:pt>
                <c:pt idx="392">
                  <c:v>43222.019988425927</c:v>
                </c:pt>
                <c:pt idx="393">
                  <c:v>43221.978472222225</c:v>
                </c:pt>
                <c:pt idx="394">
                  <c:v>43221.936840277776</c:v>
                </c:pt>
                <c:pt idx="395">
                  <c:v>43221.895243055558</c:v>
                </c:pt>
                <c:pt idx="396">
                  <c:v>43221.853680555556</c:v>
                </c:pt>
                <c:pt idx="397">
                  <c:v>43221.812060185184</c:v>
                </c:pt>
                <c:pt idx="398">
                  <c:v>43221.770497685182</c:v>
                </c:pt>
                <c:pt idx="399">
                  <c:v>43221.728854166664</c:v>
                </c:pt>
                <c:pt idx="400">
                  <c:v>43221.687222222223</c:v>
                </c:pt>
                <c:pt idx="401">
                  <c:v>43221.645590277774</c:v>
                </c:pt>
                <c:pt idx="402">
                  <c:v>43221.603935185187</c:v>
                </c:pt>
                <c:pt idx="403">
                  <c:v>43221.562291666669</c:v>
                </c:pt>
                <c:pt idx="404">
                  <c:v>43221.52065972222</c:v>
                </c:pt>
                <c:pt idx="405">
                  <c:v>43221.479050925926</c:v>
                </c:pt>
                <c:pt idx="406">
                  <c:v>43221.437476851854</c:v>
                </c:pt>
                <c:pt idx="407">
                  <c:v>43221.395833333336</c:v>
                </c:pt>
                <c:pt idx="408">
                  <c:v>43221.354224537034</c:v>
                </c:pt>
                <c:pt idx="409">
                  <c:v>43221.312604166669</c:v>
                </c:pt>
                <c:pt idx="410">
                  <c:v>43221.271018518521</c:v>
                </c:pt>
                <c:pt idx="411">
                  <c:v>43221.229467592595</c:v>
                </c:pt>
                <c:pt idx="412">
                  <c:v>43221.187939814816</c:v>
                </c:pt>
                <c:pt idx="413">
                  <c:v>43221.146365740744</c:v>
                </c:pt>
                <c:pt idx="414">
                  <c:v>43221.104837962965</c:v>
                </c:pt>
                <c:pt idx="415">
                  <c:v>43221.063217592593</c:v>
                </c:pt>
                <c:pt idx="416">
                  <c:v>43221.021608796298</c:v>
                </c:pt>
                <c:pt idx="417">
                  <c:v>43220.98</c:v>
                </c:pt>
                <c:pt idx="418">
                  <c:v>43220.938506944447</c:v>
                </c:pt>
                <c:pt idx="419">
                  <c:v>43220.896886574075</c:v>
                </c:pt>
                <c:pt idx="420">
                  <c:v>43220.855266203704</c:v>
                </c:pt>
                <c:pt idx="421">
                  <c:v>43220.813715277778</c:v>
                </c:pt>
                <c:pt idx="422">
                  <c:v>43220.772106481483</c:v>
                </c:pt>
                <c:pt idx="423">
                  <c:v>43220.730543981481</c:v>
                </c:pt>
                <c:pt idx="424">
                  <c:v>43220.688935185186</c:v>
                </c:pt>
                <c:pt idx="425">
                  <c:v>43220.647314814814</c:v>
                </c:pt>
                <c:pt idx="426">
                  <c:v>43220.605821759258</c:v>
                </c:pt>
                <c:pt idx="427">
                  <c:v>43220.564201388886</c:v>
                </c:pt>
                <c:pt idx="428">
                  <c:v>43220.522581018522</c:v>
                </c:pt>
                <c:pt idx="429">
                  <c:v>43220.48101851852</c:v>
                </c:pt>
                <c:pt idx="430">
                  <c:v>43220.439386574071</c:v>
                </c:pt>
                <c:pt idx="431">
                  <c:v>43220.397743055553</c:v>
                </c:pt>
                <c:pt idx="432">
                  <c:v>43220.356111111112</c:v>
                </c:pt>
                <c:pt idx="433">
                  <c:v>43220.314502314817</c:v>
                </c:pt>
                <c:pt idx="434">
                  <c:v>43220.272858796299</c:v>
                </c:pt>
                <c:pt idx="435">
                  <c:v>43220.231273148151</c:v>
                </c:pt>
                <c:pt idx="436">
                  <c:v>43220.189652777779</c:v>
                </c:pt>
                <c:pt idx="437">
                  <c:v>43220.148159722223</c:v>
                </c:pt>
                <c:pt idx="438">
                  <c:v>43220.106562499997</c:v>
                </c:pt>
                <c:pt idx="439">
                  <c:v>43220.065023148149</c:v>
                </c:pt>
                <c:pt idx="440">
                  <c:v>43220.0234375</c:v>
                </c:pt>
                <c:pt idx="441">
                  <c:v>43219.981909722221</c:v>
                </c:pt>
                <c:pt idx="442">
                  <c:v>43219.940358796295</c:v>
                </c:pt>
                <c:pt idx="443">
                  <c:v>43219.898726851854</c:v>
                </c:pt>
                <c:pt idx="444">
                  <c:v>43219.857094907406</c:v>
                </c:pt>
                <c:pt idx="445">
                  <c:v>43219.815532407411</c:v>
                </c:pt>
                <c:pt idx="446">
                  <c:v>43219.773969907408</c:v>
                </c:pt>
                <c:pt idx="447">
                  <c:v>43219.73238425926</c:v>
                </c:pt>
                <c:pt idx="448">
                  <c:v>43219.690798611111</c:v>
                </c:pt>
                <c:pt idx="449">
                  <c:v>43219.649224537039</c:v>
                </c:pt>
                <c:pt idx="450">
                  <c:v>43219.607604166667</c:v>
                </c:pt>
                <c:pt idx="451">
                  <c:v>43219.566041666665</c:v>
                </c:pt>
                <c:pt idx="452">
                  <c:v>43219.524398148147</c:v>
                </c:pt>
                <c:pt idx="453">
                  <c:v>43219.482870370368</c:v>
                </c:pt>
                <c:pt idx="454">
                  <c:v>43219.441238425927</c:v>
                </c:pt>
                <c:pt idx="455">
                  <c:v>43219.399606481478</c:v>
                </c:pt>
                <c:pt idx="456">
                  <c:v>43219.357974537037</c:v>
                </c:pt>
                <c:pt idx="457">
                  <c:v>43219.316365740742</c:v>
                </c:pt>
                <c:pt idx="458">
                  <c:v>43219.274756944447</c:v>
                </c:pt>
                <c:pt idx="459">
                  <c:v>43219.233148148145</c:v>
                </c:pt>
                <c:pt idx="460">
                  <c:v>43219.191550925927</c:v>
                </c:pt>
                <c:pt idx="461">
                  <c:v>43219.149988425925</c:v>
                </c:pt>
                <c:pt idx="462">
                  <c:v>43219.108449074076</c:v>
                </c:pt>
                <c:pt idx="463">
                  <c:v>43219.066817129627</c:v>
                </c:pt>
                <c:pt idx="464">
                  <c:v>43219.025254629632</c:v>
                </c:pt>
                <c:pt idx="465">
                  <c:v>43218.983680555553</c:v>
                </c:pt>
                <c:pt idx="466">
                  <c:v>43218.942129629628</c:v>
                </c:pt>
                <c:pt idx="467">
                  <c:v>43218.900567129633</c:v>
                </c:pt>
                <c:pt idx="468">
                  <c:v>43218.858993055554</c:v>
                </c:pt>
                <c:pt idx="469">
                  <c:v>43218.817361111112</c:v>
                </c:pt>
                <c:pt idx="470">
                  <c:v>43218.775729166664</c:v>
                </c:pt>
                <c:pt idx="471">
                  <c:v>43218.734166666669</c:v>
                </c:pt>
                <c:pt idx="472">
                  <c:v>43218.69253472222</c:v>
                </c:pt>
                <c:pt idx="473">
                  <c:v>43218.650995370372</c:v>
                </c:pt>
                <c:pt idx="474">
                  <c:v>43218.609432870369</c:v>
                </c:pt>
                <c:pt idx="475">
                  <c:v>43218.567858796298</c:v>
                </c:pt>
                <c:pt idx="476">
                  <c:v>43218.526250000003</c:v>
                </c:pt>
                <c:pt idx="477">
                  <c:v>43218.484618055554</c:v>
                </c:pt>
                <c:pt idx="478">
                  <c:v>43218.443090277775</c:v>
                </c:pt>
                <c:pt idx="479">
                  <c:v>43218.401469907411</c:v>
                </c:pt>
                <c:pt idx="480">
                  <c:v>43218.359826388885</c:v>
                </c:pt>
                <c:pt idx="481">
                  <c:v>43218.318182870367</c:v>
                </c:pt>
                <c:pt idx="482">
                  <c:v>43218.276550925926</c:v>
                </c:pt>
                <c:pt idx="483">
                  <c:v>43218.234930555554</c:v>
                </c:pt>
                <c:pt idx="484">
                  <c:v>43218.193310185183</c:v>
                </c:pt>
                <c:pt idx="485">
                  <c:v>43218.151678240742</c:v>
                </c:pt>
                <c:pt idx="486">
                  <c:v>43218.110115740739</c:v>
                </c:pt>
                <c:pt idx="487">
                  <c:v>43218.068564814814</c:v>
                </c:pt>
                <c:pt idx="488">
                  <c:v>43218.027002314811</c:v>
                </c:pt>
                <c:pt idx="489">
                  <c:v>43217.98542824074</c:v>
                </c:pt>
                <c:pt idx="490">
                  <c:v>43217.943842592591</c:v>
                </c:pt>
                <c:pt idx="491">
                  <c:v>43217.902222222219</c:v>
                </c:pt>
                <c:pt idx="492">
                  <c:v>43217.860590277778</c:v>
                </c:pt>
                <c:pt idx="493">
                  <c:v>43217.818969907406</c:v>
                </c:pt>
                <c:pt idx="494">
                  <c:v>43217.777361111112</c:v>
                </c:pt>
                <c:pt idx="495">
                  <c:v>43217.735729166663</c:v>
                </c:pt>
                <c:pt idx="496">
                  <c:v>43217.694085648145</c:v>
                </c:pt>
                <c:pt idx="497">
                  <c:v>43217.652511574073</c:v>
                </c:pt>
                <c:pt idx="498">
                  <c:v>43217.610983796294</c:v>
                </c:pt>
                <c:pt idx="499">
                  <c:v>43217.569386574076</c:v>
                </c:pt>
                <c:pt idx="500">
                  <c:v>43217.527824074074</c:v>
                </c:pt>
                <c:pt idx="501">
                  <c:v>43217.486296296294</c:v>
                </c:pt>
                <c:pt idx="502">
                  <c:v>43217.444791666669</c:v>
                </c:pt>
                <c:pt idx="503">
                  <c:v>43217.403194444443</c:v>
                </c:pt>
                <c:pt idx="504">
                  <c:v>43217.361562500002</c:v>
                </c:pt>
                <c:pt idx="505">
                  <c:v>43217.319918981484</c:v>
                </c:pt>
                <c:pt idx="506">
                  <c:v>43217.278368055559</c:v>
                </c:pt>
                <c:pt idx="507">
                  <c:v>43217.236770833333</c:v>
                </c:pt>
                <c:pt idx="508">
                  <c:v>43217.195115740738</c:v>
                </c:pt>
                <c:pt idx="509">
                  <c:v>43217.15351851852</c:v>
                </c:pt>
                <c:pt idx="510">
                  <c:v>43217.111944444441</c:v>
                </c:pt>
                <c:pt idx="511">
                  <c:v>43217.0703125</c:v>
                </c:pt>
                <c:pt idx="512">
                  <c:v>43217.028749999998</c:v>
                </c:pt>
                <c:pt idx="513">
                  <c:v>43216.987326388888</c:v>
                </c:pt>
                <c:pt idx="514">
                  <c:v>43216.945740740739</c:v>
                </c:pt>
                <c:pt idx="515">
                  <c:v>43216.904131944444</c:v>
                </c:pt>
                <c:pt idx="516">
                  <c:v>43216.862476851849</c:v>
                </c:pt>
                <c:pt idx="517">
                  <c:v>43216.820844907408</c:v>
                </c:pt>
                <c:pt idx="518">
                  <c:v>43216.779247685183</c:v>
                </c:pt>
                <c:pt idx="519">
                  <c:v>43216.737615740742</c:v>
                </c:pt>
                <c:pt idx="520">
                  <c:v>43216.695983796293</c:v>
                </c:pt>
                <c:pt idx="521">
                  <c:v>43216.654386574075</c:v>
                </c:pt>
                <c:pt idx="522">
                  <c:v>43216.612766203703</c:v>
                </c:pt>
                <c:pt idx="523">
                  <c:v>43216.571134259262</c:v>
                </c:pt>
                <c:pt idx="524">
                  <c:v>43216.529490740744</c:v>
                </c:pt>
                <c:pt idx="525">
                  <c:v>43216.495578703703</c:v>
                </c:pt>
                <c:pt idx="526">
                  <c:v>43216.487916666665</c:v>
                </c:pt>
                <c:pt idx="527">
                  <c:v>43216.446296296293</c:v>
                </c:pt>
                <c:pt idx="528">
                  <c:v>43216.404699074075</c:v>
                </c:pt>
                <c:pt idx="529">
                  <c:v>43216.363078703704</c:v>
                </c:pt>
                <c:pt idx="530">
                  <c:v>43216.321458333332</c:v>
                </c:pt>
                <c:pt idx="531">
                  <c:v>43216.279861111114</c:v>
                </c:pt>
                <c:pt idx="532">
                  <c:v>43216.238252314812</c:v>
                </c:pt>
                <c:pt idx="533">
                  <c:v>43216.196608796294</c:v>
                </c:pt>
                <c:pt idx="534">
                  <c:v>43216.154976851853</c:v>
                </c:pt>
                <c:pt idx="535">
                  <c:v>43216.113344907404</c:v>
                </c:pt>
                <c:pt idx="536">
                  <c:v>43216.071701388886</c:v>
                </c:pt>
                <c:pt idx="537">
                  <c:v>43216.030104166668</c:v>
                </c:pt>
                <c:pt idx="538">
                  <c:v>43215.988506944443</c:v>
                </c:pt>
                <c:pt idx="539">
                  <c:v>43215.946909722225</c:v>
                </c:pt>
                <c:pt idx="540">
                  <c:v>43215.905324074076</c:v>
                </c:pt>
                <c:pt idx="541">
                  <c:v>43215.863738425927</c:v>
                </c:pt>
                <c:pt idx="542">
                  <c:v>43215.822118055556</c:v>
                </c:pt>
                <c:pt idx="543">
                  <c:v>43215.780509259261</c:v>
                </c:pt>
                <c:pt idx="544">
                  <c:v>43215.738888888889</c:v>
                </c:pt>
                <c:pt idx="545">
                  <c:v>43215.69730324074</c:v>
                </c:pt>
                <c:pt idx="546">
                  <c:v>43215.655671296299</c:v>
                </c:pt>
                <c:pt idx="547">
                  <c:v>43215.614039351851</c:v>
                </c:pt>
                <c:pt idx="548">
                  <c:v>43215.572418981479</c:v>
                </c:pt>
                <c:pt idx="549">
                  <c:v>43215.530775462961</c:v>
                </c:pt>
                <c:pt idx="550">
                  <c:v>43215.489155092589</c:v>
                </c:pt>
                <c:pt idx="551">
                  <c:v>43215.447534722225</c:v>
                </c:pt>
                <c:pt idx="552">
                  <c:v>43215.405902777777</c:v>
                </c:pt>
                <c:pt idx="553">
                  <c:v>43215.364282407405</c:v>
                </c:pt>
                <c:pt idx="554">
                  <c:v>43215.322638888887</c:v>
                </c:pt>
                <c:pt idx="555">
                  <c:v>43215.281030092592</c:v>
                </c:pt>
                <c:pt idx="556">
                  <c:v>43215.239421296297</c:v>
                </c:pt>
                <c:pt idx="557">
                  <c:v>43215.197777777779</c:v>
                </c:pt>
                <c:pt idx="558">
                  <c:v>43215.156134259261</c:v>
                </c:pt>
                <c:pt idx="559">
                  <c:v>43215.114502314813</c:v>
                </c:pt>
                <c:pt idx="560">
                  <c:v>43215.072870370372</c:v>
                </c:pt>
                <c:pt idx="561">
                  <c:v>43215.031238425923</c:v>
                </c:pt>
                <c:pt idx="562">
                  <c:v>43214.989583333336</c:v>
                </c:pt>
                <c:pt idx="563">
                  <c:v>43214.94798611111</c:v>
                </c:pt>
                <c:pt idx="564">
                  <c:v>43214.906365740739</c:v>
                </c:pt>
                <c:pt idx="565">
                  <c:v>43214.86478009259</c:v>
                </c:pt>
                <c:pt idx="566">
                  <c:v>43214.823159722226</c:v>
                </c:pt>
                <c:pt idx="567">
                  <c:v>43214.781597222223</c:v>
                </c:pt>
                <c:pt idx="568">
                  <c:v>43214.739976851852</c:v>
                </c:pt>
                <c:pt idx="569">
                  <c:v>43214.698379629626</c:v>
                </c:pt>
                <c:pt idx="570">
                  <c:v>43214.656770833331</c:v>
                </c:pt>
                <c:pt idx="571">
                  <c:v>43214.61515046296</c:v>
                </c:pt>
                <c:pt idx="572">
                  <c:v>43214.573553240742</c:v>
                </c:pt>
                <c:pt idx="573">
                  <c:v>43214.531956018516</c:v>
                </c:pt>
                <c:pt idx="574">
                  <c:v>43214.490324074075</c:v>
                </c:pt>
                <c:pt idx="575">
                  <c:v>43214.448680555557</c:v>
                </c:pt>
                <c:pt idx="576">
                  <c:v>43214.407071759262</c:v>
                </c:pt>
                <c:pt idx="577">
                  <c:v>43214.365428240744</c:v>
                </c:pt>
                <c:pt idx="578">
                  <c:v>43214.323807870373</c:v>
                </c:pt>
                <c:pt idx="579">
                  <c:v>43214.282175925924</c:v>
                </c:pt>
                <c:pt idx="580">
                  <c:v>43214.240567129629</c:v>
                </c:pt>
                <c:pt idx="581">
                  <c:v>43214.198935185188</c:v>
                </c:pt>
                <c:pt idx="582">
                  <c:v>43214.15729166667</c:v>
                </c:pt>
                <c:pt idx="583">
                  <c:v>43214.115648148145</c:v>
                </c:pt>
                <c:pt idx="584">
                  <c:v>43214.07402777778</c:v>
                </c:pt>
                <c:pt idx="585">
                  <c:v>43214.032442129632</c:v>
                </c:pt>
                <c:pt idx="586">
                  <c:v>43213.990810185183</c:v>
                </c:pt>
                <c:pt idx="587">
                  <c:v>43213.949201388888</c:v>
                </c:pt>
                <c:pt idx="588">
                  <c:v>43213.907581018517</c:v>
                </c:pt>
                <c:pt idx="589">
                  <c:v>43213.865960648145</c:v>
                </c:pt>
                <c:pt idx="590">
                  <c:v>43213.824340277781</c:v>
                </c:pt>
                <c:pt idx="591">
                  <c:v>43213.782696759263</c:v>
                </c:pt>
                <c:pt idx="592">
                  <c:v>43213.741053240738</c:v>
                </c:pt>
                <c:pt idx="593">
                  <c:v>43213.524756944447</c:v>
                </c:pt>
                <c:pt idx="594">
                  <c:v>43213.483113425929</c:v>
                </c:pt>
                <c:pt idx="595">
                  <c:v>43213.441493055558</c:v>
                </c:pt>
                <c:pt idx="596">
                  <c:v>43213.399872685186</c:v>
                </c:pt>
                <c:pt idx="597">
                  <c:v>43213.358229166668</c:v>
                </c:pt>
                <c:pt idx="598">
                  <c:v>43213.31659722222</c:v>
                </c:pt>
                <c:pt idx="599">
                  <c:v>43213.274942129632</c:v>
                </c:pt>
                <c:pt idx="600">
                  <c:v>43213.233298611114</c:v>
                </c:pt>
                <c:pt idx="601">
                  <c:v>43213.191689814812</c:v>
                </c:pt>
                <c:pt idx="602">
                  <c:v>43213.150185185186</c:v>
                </c:pt>
                <c:pt idx="603">
                  <c:v>43213.108541666668</c:v>
                </c:pt>
                <c:pt idx="604">
                  <c:v>43213.066979166666</c:v>
                </c:pt>
                <c:pt idx="605">
                  <c:v>43213.025381944448</c:v>
                </c:pt>
                <c:pt idx="606">
                  <c:v>43212.983831018515</c:v>
                </c:pt>
                <c:pt idx="607">
                  <c:v>43212.942245370374</c:v>
                </c:pt>
                <c:pt idx="608">
                  <c:v>43212.900717592594</c:v>
                </c:pt>
                <c:pt idx="609">
                  <c:v>43212.859143518515</c:v>
                </c:pt>
                <c:pt idx="610">
                  <c:v>43212.81753472222</c:v>
                </c:pt>
                <c:pt idx="611">
                  <c:v>43212.775902777779</c:v>
                </c:pt>
                <c:pt idx="612">
                  <c:v>43212.734259259261</c:v>
                </c:pt>
                <c:pt idx="613">
                  <c:v>43212.692673611113</c:v>
                </c:pt>
                <c:pt idx="614">
                  <c:v>43212.65111111111</c:v>
                </c:pt>
                <c:pt idx="615">
                  <c:v>43212.609606481485</c:v>
                </c:pt>
                <c:pt idx="616">
                  <c:v>43212.568078703705</c:v>
                </c:pt>
                <c:pt idx="617">
                  <c:v>43212.526423611111</c:v>
                </c:pt>
                <c:pt idx="618">
                  <c:v>43212.484803240739</c:v>
                </c:pt>
                <c:pt idx="619">
                  <c:v>43212.44321759259</c:v>
                </c:pt>
                <c:pt idx="620">
                  <c:v>43212.401689814818</c:v>
                </c:pt>
                <c:pt idx="621">
                  <c:v>43212.36005787037</c:v>
                </c:pt>
                <c:pt idx="622">
                  <c:v>43212.318472222221</c:v>
                </c:pt>
                <c:pt idx="623">
                  <c:v>43212.276828703703</c:v>
                </c:pt>
                <c:pt idx="624">
                  <c:v>43212.235208333332</c:v>
                </c:pt>
                <c:pt idx="625">
                  <c:v>43212.19358796296</c:v>
                </c:pt>
                <c:pt idx="626">
                  <c:v>43212.152002314811</c:v>
                </c:pt>
                <c:pt idx="627">
                  <c:v>43212.110405092593</c:v>
                </c:pt>
                <c:pt idx="628">
                  <c:v>43212.068877314814</c:v>
                </c:pt>
                <c:pt idx="629">
                  <c:v>43212.027256944442</c:v>
                </c:pt>
                <c:pt idx="630">
                  <c:v>43211.985659722224</c:v>
                </c:pt>
                <c:pt idx="631">
                  <c:v>43211.944062499999</c:v>
                </c:pt>
                <c:pt idx="632">
                  <c:v>43211.902511574073</c:v>
                </c:pt>
                <c:pt idx="633">
                  <c:v>43211.860902777778</c:v>
                </c:pt>
                <c:pt idx="634">
                  <c:v>43211.81931712963</c:v>
                </c:pt>
                <c:pt idx="635">
                  <c:v>43211.777719907404</c:v>
                </c:pt>
                <c:pt idx="636">
                  <c:v>43211.736122685186</c:v>
                </c:pt>
                <c:pt idx="637">
                  <c:v>43211.694490740738</c:v>
                </c:pt>
                <c:pt idx="638">
                  <c:v>43211.652881944443</c:v>
                </c:pt>
                <c:pt idx="639">
                  <c:v>43211.611250000002</c:v>
                </c:pt>
                <c:pt idx="640">
                  <c:v>43211.569675925923</c:v>
                </c:pt>
                <c:pt idx="641">
                  <c:v>43211.528124999997</c:v>
                </c:pt>
                <c:pt idx="642">
                  <c:v>43211.486516203702</c:v>
                </c:pt>
                <c:pt idx="643">
                  <c:v>43211.44494212963</c:v>
                </c:pt>
                <c:pt idx="644">
                  <c:v>43211.403321759259</c:v>
                </c:pt>
                <c:pt idx="645">
                  <c:v>43211.361712962964</c:v>
                </c:pt>
                <c:pt idx="646">
                  <c:v>43211.320115740738</c:v>
                </c:pt>
                <c:pt idx="647">
                  <c:v>43211.278506944444</c:v>
                </c:pt>
                <c:pt idx="648">
                  <c:v>43211.236851851849</c:v>
                </c:pt>
                <c:pt idx="649">
                  <c:v>43211.1952662037</c:v>
                </c:pt>
                <c:pt idx="650">
                  <c:v>43211.153645833336</c:v>
                </c:pt>
                <c:pt idx="651">
                  <c:v>43211.112164351849</c:v>
                </c:pt>
                <c:pt idx="652">
                  <c:v>43211.070567129631</c:v>
                </c:pt>
                <c:pt idx="653">
                  <c:v>43211.028981481482</c:v>
                </c:pt>
                <c:pt idx="654">
                  <c:v>43210.987442129626</c:v>
                </c:pt>
                <c:pt idx="655">
                  <c:v>43210.945798611108</c:v>
                </c:pt>
                <c:pt idx="656">
                  <c:v>43210.90425925926</c:v>
                </c:pt>
                <c:pt idx="657">
                  <c:v>43210.862627314818</c:v>
                </c:pt>
                <c:pt idx="658">
                  <c:v>43210.820983796293</c:v>
                </c:pt>
                <c:pt idx="659">
                  <c:v>43210.779351851852</c:v>
                </c:pt>
                <c:pt idx="660">
                  <c:v>43210.737743055557</c:v>
                </c:pt>
                <c:pt idx="661">
                  <c:v>43210.696087962962</c:v>
                </c:pt>
                <c:pt idx="662">
                  <c:v>43210.654502314814</c:v>
                </c:pt>
                <c:pt idx="663">
                  <c:v>43210.612905092596</c:v>
                </c:pt>
                <c:pt idx="664">
                  <c:v>43210.571319444447</c:v>
                </c:pt>
                <c:pt idx="665">
                  <c:v>43210.529687499999</c:v>
                </c:pt>
                <c:pt idx="666">
                  <c:v>43210.488125000003</c:v>
                </c:pt>
                <c:pt idx="667">
                  <c:v>43210.446527777778</c:v>
                </c:pt>
                <c:pt idx="668">
                  <c:v>43210.40488425926</c:v>
                </c:pt>
                <c:pt idx="669">
                  <c:v>43210.363263888888</c:v>
                </c:pt>
                <c:pt idx="670">
                  <c:v>43210.321712962963</c:v>
                </c:pt>
                <c:pt idx="671">
                  <c:v>43210.280104166668</c:v>
                </c:pt>
                <c:pt idx="672">
                  <c:v>43210.238483796296</c:v>
                </c:pt>
                <c:pt idx="673">
                  <c:v>43210.196863425925</c:v>
                </c:pt>
                <c:pt idx="674">
                  <c:v>43210.155347222222</c:v>
                </c:pt>
                <c:pt idx="675">
                  <c:v>43210.11383101852</c:v>
                </c:pt>
                <c:pt idx="676">
                  <c:v>43210.072222222225</c:v>
                </c:pt>
                <c:pt idx="677">
                  <c:v>43210.030671296299</c:v>
                </c:pt>
                <c:pt idx="678">
                  <c:v>43209.989062499997</c:v>
                </c:pt>
                <c:pt idx="679">
                  <c:v>43209.947488425925</c:v>
                </c:pt>
                <c:pt idx="680">
                  <c:v>43209.905914351853</c:v>
                </c:pt>
                <c:pt idx="681">
                  <c:v>43209.864340277774</c:v>
                </c:pt>
                <c:pt idx="682">
                  <c:v>43209.822731481479</c:v>
                </c:pt>
                <c:pt idx="683">
                  <c:v>43209.781087962961</c:v>
                </c:pt>
                <c:pt idx="684">
                  <c:v>43209.73945601852</c:v>
                </c:pt>
                <c:pt idx="685">
                  <c:v>43209.697824074072</c:v>
                </c:pt>
                <c:pt idx="686">
                  <c:v>43209.656192129631</c:v>
                </c:pt>
                <c:pt idx="687">
                  <c:v>43209.406736111108</c:v>
                </c:pt>
                <c:pt idx="688">
                  <c:v>43209.281828703701</c:v>
                </c:pt>
                <c:pt idx="689">
                  <c:v>43209.240231481483</c:v>
                </c:pt>
                <c:pt idx="690">
                  <c:v>43209.198599537034</c:v>
                </c:pt>
                <c:pt idx="691">
                  <c:v>43209.15697916667</c:v>
                </c:pt>
                <c:pt idx="692">
                  <c:v>43209.115381944444</c:v>
                </c:pt>
                <c:pt idx="693">
                  <c:v>43209.032175925924</c:v>
                </c:pt>
                <c:pt idx="694">
                  <c:v>43208.990532407406</c:v>
                </c:pt>
                <c:pt idx="695">
                  <c:v>43208.907268518517</c:v>
                </c:pt>
                <c:pt idx="696">
                  <c:v>43208.740752314814</c:v>
                </c:pt>
                <c:pt idx="697">
                  <c:v>43208.699143518519</c:v>
                </c:pt>
                <c:pt idx="698">
                  <c:v>43208.657557870371</c:v>
                </c:pt>
                <c:pt idx="699">
                  <c:v>43208.615937499999</c:v>
                </c:pt>
                <c:pt idx="700">
                  <c:v>43208.574317129627</c:v>
                </c:pt>
                <c:pt idx="701">
                  <c:v>43208.53266203704</c:v>
                </c:pt>
                <c:pt idx="702">
                  <c:v>43208.491041666668</c:v>
                </c:pt>
                <c:pt idx="703">
                  <c:v>43208.44940972222</c:v>
                </c:pt>
                <c:pt idx="704">
                  <c:v>43208.407754629632</c:v>
                </c:pt>
                <c:pt idx="705">
                  <c:v>43208.366157407407</c:v>
                </c:pt>
                <c:pt idx="706">
                  <c:v>43208.324537037035</c:v>
                </c:pt>
                <c:pt idx="707">
                  <c:v>43208.282916666663</c:v>
                </c:pt>
                <c:pt idx="708">
                  <c:v>43208.241284722222</c:v>
                </c:pt>
                <c:pt idx="709">
                  <c:v>43208.199664351851</c:v>
                </c:pt>
                <c:pt idx="710">
                  <c:v>43208.158032407409</c:v>
                </c:pt>
                <c:pt idx="711">
                  <c:v>43208.033125000002</c:v>
                </c:pt>
                <c:pt idx="712">
                  <c:v>43207.991516203707</c:v>
                </c:pt>
                <c:pt idx="713">
                  <c:v>43207.949930555558</c:v>
                </c:pt>
                <c:pt idx="714">
                  <c:v>43207.825023148151</c:v>
                </c:pt>
                <c:pt idx="715">
                  <c:v>43207.783391203702</c:v>
                </c:pt>
                <c:pt idx="716">
                  <c:v>43207.741759259261</c:v>
                </c:pt>
                <c:pt idx="717">
                  <c:v>43207.616886574076</c:v>
                </c:pt>
                <c:pt idx="718">
                  <c:v>43207.575277777774</c:v>
                </c:pt>
                <c:pt idx="719">
                  <c:v>43207.533645833333</c:v>
                </c:pt>
                <c:pt idx="720">
                  <c:v>43207.492025462961</c:v>
                </c:pt>
                <c:pt idx="721">
                  <c:v>43207.408784722225</c:v>
                </c:pt>
                <c:pt idx="722">
                  <c:v>43207.367152777777</c:v>
                </c:pt>
                <c:pt idx="723">
                  <c:v>43207.325532407405</c:v>
                </c:pt>
                <c:pt idx="724">
                  <c:v>43207.242256944446</c:v>
                </c:pt>
                <c:pt idx="725">
                  <c:v>43207.15896990741</c:v>
                </c:pt>
                <c:pt idx="726">
                  <c:v>43207.117326388892</c:v>
                </c:pt>
                <c:pt idx="727">
                  <c:v>43207.075729166667</c:v>
                </c:pt>
                <c:pt idx="728">
                  <c:v>43207.034074074072</c:v>
                </c:pt>
                <c:pt idx="729">
                  <c:v>43206.992476851854</c:v>
                </c:pt>
                <c:pt idx="730">
                  <c:v>43206.825960648152</c:v>
                </c:pt>
                <c:pt idx="731">
                  <c:v>43206.784328703703</c:v>
                </c:pt>
                <c:pt idx="732">
                  <c:v>43206.742685185185</c:v>
                </c:pt>
                <c:pt idx="733">
                  <c:v>43206.576226851852</c:v>
                </c:pt>
                <c:pt idx="734">
                  <c:v>43206.53460648148</c:v>
                </c:pt>
                <c:pt idx="735">
                  <c:v>43206.451377314814</c:v>
                </c:pt>
                <c:pt idx="736">
                  <c:v>43206.409756944442</c:v>
                </c:pt>
                <c:pt idx="737">
                  <c:v>43206.368136574078</c:v>
                </c:pt>
                <c:pt idx="738">
                  <c:v>43206.326527777775</c:v>
                </c:pt>
                <c:pt idx="739">
                  <c:v>43206.284907407404</c:v>
                </c:pt>
                <c:pt idx="740">
                  <c:v>43206.243287037039</c:v>
                </c:pt>
                <c:pt idx="741">
                  <c:v>43206.201643518521</c:v>
                </c:pt>
                <c:pt idx="742">
                  <c:v>43206.160011574073</c:v>
                </c:pt>
                <c:pt idx="743">
                  <c:v>43206.076770833337</c:v>
                </c:pt>
                <c:pt idx="744">
                  <c:v>43206.035138888888</c:v>
                </c:pt>
                <c:pt idx="745">
                  <c:v>43205.99355324074</c:v>
                </c:pt>
                <c:pt idx="746">
                  <c:v>43205.951944444445</c:v>
                </c:pt>
                <c:pt idx="747">
                  <c:v>43205.868703703702</c:v>
                </c:pt>
                <c:pt idx="748">
                  <c:v>43205.827094907407</c:v>
                </c:pt>
                <c:pt idx="749">
                  <c:v>43205.785486111112</c:v>
                </c:pt>
                <c:pt idx="750">
                  <c:v>43205.743854166663</c:v>
                </c:pt>
                <c:pt idx="751">
                  <c:v>43205.702222222222</c:v>
                </c:pt>
                <c:pt idx="752">
                  <c:v>43205.660590277781</c:v>
                </c:pt>
                <c:pt idx="753">
                  <c:v>43205.618946759256</c:v>
                </c:pt>
                <c:pt idx="754">
                  <c:v>43205.535821759258</c:v>
                </c:pt>
                <c:pt idx="755">
                  <c:v>43205.494155092594</c:v>
                </c:pt>
                <c:pt idx="756">
                  <c:v>43205.452523148146</c:v>
                </c:pt>
                <c:pt idx="757">
                  <c:v>43205.410879629628</c:v>
                </c:pt>
                <c:pt idx="758">
                  <c:v>43205.369247685187</c:v>
                </c:pt>
                <c:pt idx="759">
                  <c:v>43205.286030092589</c:v>
                </c:pt>
                <c:pt idx="760">
                  <c:v>43205.244375000002</c:v>
                </c:pt>
                <c:pt idx="761">
                  <c:v>43205.202800925923</c:v>
                </c:pt>
                <c:pt idx="762">
                  <c:v>43205.161145833335</c:v>
                </c:pt>
                <c:pt idx="763">
                  <c:v>43205.119525462964</c:v>
                </c:pt>
                <c:pt idx="764">
                  <c:v>43205.077939814815</c:v>
                </c:pt>
                <c:pt idx="765">
                  <c:v>43205.036435185182</c:v>
                </c:pt>
                <c:pt idx="766">
                  <c:v>43204.995011574072</c:v>
                </c:pt>
                <c:pt idx="767">
                  <c:v>43204.911840277775</c:v>
                </c:pt>
                <c:pt idx="768">
                  <c:v>43204.828611111108</c:v>
                </c:pt>
                <c:pt idx="769">
                  <c:v>43204.745358796295</c:v>
                </c:pt>
                <c:pt idx="770">
                  <c:v>43204.620451388888</c:v>
                </c:pt>
                <c:pt idx="771">
                  <c:v>43204.537199074075</c:v>
                </c:pt>
                <c:pt idx="772">
                  <c:v>43204.453981481478</c:v>
                </c:pt>
                <c:pt idx="773">
                  <c:v>43204.41233796296</c:v>
                </c:pt>
                <c:pt idx="774">
                  <c:v>43204.370752314811</c:v>
                </c:pt>
                <c:pt idx="775">
                  <c:v>43204.287627314814</c:v>
                </c:pt>
                <c:pt idx="776">
                  <c:v>43204.204386574071</c:v>
                </c:pt>
                <c:pt idx="777">
                  <c:v>43204.162835648145</c:v>
                </c:pt>
                <c:pt idx="778">
                  <c:v>43204.121180555558</c:v>
                </c:pt>
                <c:pt idx="779">
                  <c:v>43204.03806712963</c:v>
                </c:pt>
                <c:pt idx="780">
                  <c:v>43203.996423611112</c:v>
                </c:pt>
                <c:pt idx="781">
                  <c:v>43203.954918981479</c:v>
                </c:pt>
                <c:pt idx="782">
                  <c:v>43203.913310185184</c:v>
                </c:pt>
                <c:pt idx="783">
                  <c:v>43203.871701388889</c:v>
                </c:pt>
                <c:pt idx="784">
                  <c:v>43203.830069444448</c:v>
                </c:pt>
                <c:pt idx="785">
                  <c:v>43203.788460648146</c:v>
                </c:pt>
                <c:pt idx="786">
                  <c:v>43203.746828703705</c:v>
                </c:pt>
                <c:pt idx="787">
                  <c:v>43203.705196759256</c:v>
                </c:pt>
                <c:pt idx="788">
                  <c:v>43203.62195601852</c:v>
                </c:pt>
                <c:pt idx="789">
                  <c:v>43203.580324074072</c:v>
                </c:pt>
                <c:pt idx="790">
                  <c:v>43203.497129629628</c:v>
                </c:pt>
                <c:pt idx="791">
                  <c:v>43203.413854166669</c:v>
                </c:pt>
                <c:pt idx="792">
                  <c:v>43203.37222222222</c:v>
                </c:pt>
                <c:pt idx="793">
                  <c:v>43203.288981481484</c:v>
                </c:pt>
                <c:pt idx="794">
                  <c:v>43203.247361111113</c:v>
                </c:pt>
                <c:pt idx="795">
                  <c:v>43203.080891203703</c:v>
                </c:pt>
                <c:pt idx="796">
                  <c:v>43203.039340277777</c:v>
                </c:pt>
                <c:pt idx="797">
                  <c:v>43202.997685185182</c:v>
                </c:pt>
                <c:pt idx="798">
                  <c:v>43202.956076388888</c:v>
                </c:pt>
                <c:pt idx="799">
                  <c:v>43202.914467592593</c:v>
                </c:pt>
                <c:pt idx="800">
                  <c:v>43202.872881944444</c:v>
                </c:pt>
                <c:pt idx="801">
                  <c:v>43202.831273148149</c:v>
                </c:pt>
                <c:pt idx="802">
                  <c:v>43202.789629629631</c:v>
                </c:pt>
                <c:pt idx="803">
                  <c:v>43202.747997685183</c:v>
                </c:pt>
                <c:pt idx="804">
                  <c:v>43202.664733796293</c:v>
                </c:pt>
                <c:pt idx="805">
                  <c:v>43202.623124999998</c:v>
                </c:pt>
                <c:pt idx="806">
                  <c:v>43202.581504629627</c:v>
                </c:pt>
                <c:pt idx="807">
                  <c:v>43202.581504629627</c:v>
                </c:pt>
                <c:pt idx="808">
                  <c:v>43202.539884259262</c:v>
                </c:pt>
                <c:pt idx="809">
                  <c:v>43202.456712962965</c:v>
                </c:pt>
                <c:pt idx="810">
                  <c:v>43202.331828703704</c:v>
                </c:pt>
                <c:pt idx="811">
                  <c:v>43202.248622685183</c:v>
                </c:pt>
                <c:pt idx="812">
                  <c:v>43202.206967592596</c:v>
                </c:pt>
                <c:pt idx="813">
                  <c:v>43202.04047453704</c:v>
                </c:pt>
                <c:pt idx="814">
                  <c:v>43201.957256944443</c:v>
                </c:pt>
                <c:pt idx="815">
                  <c:v>43201.915613425925</c:v>
                </c:pt>
                <c:pt idx="816">
                  <c:v>43201.874062499999</c:v>
                </c:pt>
                <c:pt idx="817">
                  <c:v>43201.832453703704</c:v>
                </c:pt>
                <c:pt idx="818">
                  <c:v>43201.790810185186</c:v>
                </c:pt>
                <c:pt idx="819">
                  <c:v>43201.750358796293</c:v>
                </c:pt>
                <c:pt idx="820">
                  <c:v>43201.541076388887</c:v>
                </c:pt>
                <c:pt idx="821">
                  <c:v>43201.499537037038</c:v>
                </c:pt>
                <c:pt idx="822">
                  <c:v>43201.416319444441</c:v>
                </c:pt>
                <c:pt idx="823">
                  <c:v>43201.374745370369</c:v>
                </c:pt>
                <c:pt idx="824">
                  <c:v>43201.208437499998</c:v>
                </c:pt>
                <c:pt idx="825">
                  <c:v>43201.166898148149</c:v>
                </c:pt>
                <c:pt idx="826">
                  <c:v>43201.083703703705</c:v>
                </c:pt>
                <c:pt idx="827">
                  <c:v>43200.875821759262</c:v>
                </c:pt>
                <c:pt idx="828">
                  <c:v>43200.792569444442</c:v>
                </c:pt>
                <c:pt idx="829">
                  <c:v>43200.750937500001</c:v>
                </c:pt>
                <c:pt idx="830">
                  <c:v>43200.709317129629</c:v>
                </c:pt>
                <c:pt idx="831">
                  <c:v>43200.667673611111</c:v>
                </c:pt>
                <c:pt idx="832">
                  <c:v>43200.62604166667</c:v>
                </c:pt>
                <c:pt idx="833">
                  <c:v>43200.584421296298</c:v>
                </c:pt>
                <c:pt idx="834">
                  <c:v>43200.54278935185</c:v>
                </c:pt>
                <c:pt idx="835">
                  <c:v>43200.501168981478</c:v>
                </c:pt>
                <c:pt idx="836">
                  <c:v>43200.459537037037</c:v>
                </c:pt>
                <c:pt idx="837">
                  <c:v>43200.417893518519</c:v>
                </c:pt>
                <c:pt idx="838">
                  <c:v>43200.376273148147</c:v>
                </c:pt>
                <c:pt idx="839">
                  <c:v>43200.334664351853</c:v>
                </c:pt>
                <c:pt idx="840">
                  <c:v>43200.293032407404</c:v>
                </c:pt>
                <c:pt idx="841">
                  <c:v>43200.251400462963</c:v>
                </c:pt>
                <c:pt idx="842">
                  <c:v>43200.209814814814</c:v>
                </c:pt>
                <c:pt idx="843">
                  <c:v>43200.168171296296</c:v>
                </c:pt>
                <c:pt idx="844">
                  <c:v>43200.126574074071</c:v>
                </c:pt>
                <c:pt idx="845">
                  <c:v>43200.043333333335</c:v>
                </c:pt>
                <c:pt idx="846">
                  <c:v>43200.001689814817</c:v>
                </c:pt>
                <c:pt idx="847">
                  <c:v>43199.960081018522</c:v>
                </c:pt>
                <c:pt idx="848">
                  <c:v>43199.876840277779</c:v>
                </c:pt>
                <c:pt idx="849">
                  <c:v>43199.835347222222</c:v>
                </c:pt>
                <c:pt idx="850">
                  <c:v>43199.793738425928</c:v>
                </c:pt>
                <c:pt idx="851">
                  <c:v>43199.710486111115</c:v>
                </c:pt>
                <c:pt idx="852">
                  <c:v>43199.668842592589</c:v>
                </c:pt>
                <c:pt idx="853">
                  <c:v>43199.627199074072</c:v>
                </c:pt>
                <c:pt idx="854">
                  <c:v>43199.460694444446</c:v>
                </c:pt>
                <c:pt idx="855">
                  <c:v>43199.419131944444</c:v>
                </c:pt>
                <c:pt idx="856">
                  <c:v>43199.377534722225</c:v>
                </c:pt>
                <c:pt idx="857">
                  <c:v>43199.3359837963</c:v>
                </c:pt>
                <c:pt idx="858">
                  <c:v>43199.294374999998</c:v>
                </c:pt>
                <c:pt idx="859">
                  <c:v>43199.252789351849</c:v>
                </c:pt>
                <c:pt idx="860">
                  <c:v>43199.211180555554</c:v>
                </c:pt>
                <c:pt idx="861">
                  <c:v>43199.169594907406</c:v>
                </c:pt>
                <c:pt idx="862">
                  <c:v>43199.127951388888</c:v>
                </c:pt>
                <c:pt idx="863">
                  <c:v>43199.086331018516</c:v>
                </c:pt>
                <c:pt idx="864">
                  <c:v>43199.003148148149</c:v>
                </c:pt>
                <c:pt idx="865">
                  <c:v>43198.961504629631</c:v>
                </c:pt>
                <c:pt idx="866">
                  <c:v>43198.91988425926</c:v>
                </c:pt>
                <c:pt idx="867">
                  <c:v>43198.878263888888</c:v>
                </c:pt>
                <c:pt idx="868">
                  <c:v>43198.836678240739</c:v>
                </c:pt>
                <c:pt idx="869">
                  <c:v>43198.795046296298</c:v>
                </c:pt>
                <c:pt idx="870">
                  <c:v>43198.753391203703</c:v>
                </c:pt>
                <c:pt idx="871">
                  <c:v>43198.711782407408</c:v>
                </c:pt>
                <c:pt idx="872">
                  <c:v>43198.628530092596</c:v>
                </c:pt>
                <c:pt idx="873">
                  <c:v>43198.586898148147</c:v>
                </c:pt>
                <c:pt idx="874">
                  <c:v>43198.545289351852</c:v>
                </c:pt>
                <c:pt idx="875">
                  <c:v>43198.503668981481</c:v>
                </c:pt>
                <c:pt idx="876">
                  <c:v>43198.462037037039</c:v>
                </c:pt>
                <c:pt idx="877">
                  <c:v>43198.378796296296</c:v>
                </c:pt>
                <c:pt idx="878">
                  <c:v>43198.253946759258</c:v>
                </c:pt>
                <c:pt idx="879">
                  <c:v>43198.21230324074</c:v>
                </c:pt>
                <c:pt idx="880">
                  <c:v>43198.170659722222</c:v>
                </c:pt>
                <c:pt idx="881">
                  <c:v>43198.12908564815</c:v>
                </c:pt>
                <c:pt idx="882">
                  <c:v>43198.087453703702</c:v>
                </c:pt>
                <c:pt idx="883">
                  <c:v>43198.04583333333</c:v>
                </c:pt>
                <c:pt idx="884">
                  <c:v>43197.962581018517</c:v>
                </c:pt>
                <c:pt idx="885">
                  <c:v>43197.920949074076</c:v>
                </c:pt>
                <c:pt idx="886">
                  <c:v>43197.879317129627</c:v>
                </c:pt>
                <c:pt idx="887">
                  <c:v>43197.837685185186</c:v>
                </c:pt>
                <c:pt idx="888">
                  <c:v>43197.796053240738</c:v>
                </c:pt>
                <c:pt idx="889">
                  <c:v>43197.75440972222</c:v>
                </c:pt>
                <c:pt idx="890">
                  <c:v>43197.712777777779</c:v>
                </c:pt>
                <c:pt idx="891">
                  <c:v>43197.67114583333</c:v>
                </c:pt>
                <c:pt idx="892">
                  <c:v>43197.629502314812</c:v>
                </c:pt>
                <c:pt idx="893">
                  <c:v>43197.587905092594</c:v>
                </c:pt>
                <c:pt idx="894">
                  <c:v>43197.546273148146</c:v>
                </c:pt>
                <c:pt idx="895">
                  <c:v>43197.421412037038</c:v>
                </c:pt>
                <c:pt idx="896">
                  <c:v>43197.379837962966</c:v>
                </c:pt>
                <c:pt idx="897">
                  <c:v>43197.2966087963</c:v>
                </c:pt>
                <c:pt idx="898">
                  <c:v>43197.254976851851</c:v>
                </c:pt>
                <c:pt idx="899">
                  <c:v>43197.213356481479</c:v>
                </c:pt>
                <c:pt idx="900">
                  <c:v>43197.13009259259</c:v>
                </c:pt>
                <c:pt idx="901">
                  <c:v>43197.088460648149</c:v>
                </c:pt>
                <c:pt idx="902">
                  <c:v>43197.0468287037</c:v>
                </c:pt>
                <c:pt idx="903">
                  <c:v>43197.005185185182</c:v>
                </c:pt>
                <c:pt idx="904">
                  <c:v>43196.963599537034</c:v>
                </c:pt>
                <c:pt idx="905">
                  <c:v>43196.921979166669</c:v>
                </c:pt>
                <c:pt idx="906">
                  <c:v>43196.880358796298</c:v>
                </c:pt>
                <c:pt idx="907">
                  <c:v>43196.838761574072</c:v>
                </c:pt>
                <c:pt idx="908">
                  <c:v>43196.755474537036</c:v>
                </c:pt>
                <c:pt idx="909">
                  <c:v>43196.713842592595</c:v>
                </c:pt>
                <c:pt idx="910">
                  <c:v>43196.672222222223</c:v>
                </c:pt>
                <c:pt idx="911">
                  <c:v>43196.630578703705</c:v>
                </c:pt>
                <c:pt idx="912">
                  <c:v>43196.50582175926</c:v>
                </c:pt>
                <c:pt idx="913">
                  <c:v>43196.464178240742</c:v>
                </c:pt>
                <c:pt idx="914">
                  <c:v>43196.297766203701</c:v>
                </c:pt>
                <c:pt idx="915">
                  <c:v>43196.25613425926</c:v>
                </c:pt>
                <c:pt idx="916">
                  <c:v>43196.172905092593</c:v>
                </c:pt>
                <c:pt idx="917">
                  <c:v>43196.131273148145</c:v>
                </c:pt>
                <c:pt idx="918">
                  <c:v>43196.048043981478</c:v>
                </c:pt>
                <c:pt idx="919">
                  <c:v>43196.00644675926</c:v>
                </c:pt>
                <c:pt idx="920">
                  <c:v>43195.964849537035</c:v>
                </c:pt>
                <c:pt idx="921">
                  <c:v>43195.756712962961</c:v>
                </c:pt>
                <c:pt idx="922">
                  <c:v>43195.715092592596</c:v>
                </c:pt>
                <c:pt idx="923">
                  <c:v>43195.673449074071</c:v>
                </c:pt>
                <c:pt idx="924">
                  <c:v>43195.631840277776</c:v>
                </c:pt>
                <c:pt idx="925">
                  <c:v>43195.46533564815</c:v>
                </c:pt>
                <c:pt idx="926">
                  <c:v>43195.340439814812</c:v>
                </c:pt>
                <c:pt idx="927">
                  <c:v>43195.298819444448</c:v>
                </c:pt>
                <c:pt idx="928">
                  <c:v>43195.257210648146</c:v>
                </c:pt>
                <c:pt idx="929">
                  <c:v>43195.215590277781</c:v>
                </c:pt>
                <c:pt idx="930">
                  <c:v>43195.173946759256</c:v>
                </c:pt>
                <c:pt idx="931">
                  <c:v>43195.09065972222</c:v>
                </c:pt>
                <c:pt idx="932">
                  <c:v>43195.049027777779</c:v>
                </c:pt>
                <c:pt idx="933">
                  <c:v>43195.007418981484</c:v>
                </c:pt>
                <c:pt idx="934">
                  <c:v>43194.924178240741</c:v>
                </c:pt>
                <c:pt idx="935">
                  <c:v>43194.757673611108</c:v>
                </c:pt>
                <c:pt idx="936">
                  <c:v>43194.716041666667</c:v>
                </c:pt>
                <c:pt idx="937">
                  <c:v>43194.674398148149</c:v>
                </c:pt>
                <c:pt idx="938">
                  <c:v>43194.591157407405</c:v>
                </c:pt>
                <c:pt idx="939">
                  <c:v>43194.549571759257</c:v>
                </c:pt>
                <c:pt idx="940">
                  <c:v>43194.466400462959</c:v>
                </c:pt>
                <c:pt idx="941">
                  <c:v>43194.424756944441</c:v>
                </c:pt>
                <c:pt idx="942">
                  <c:v>43194.383206018516</c:v>
                </c:pt>
                <c:pt idx="943">
                  <c:v>43194.217094907406</c:v>
                </c:pt>
                <c:pt idx="944">
                  <c:v>43194.17560185185</c:v>
                </c:pt>
                <c:pt idx="945">
                  <c:v>43194.134062500001</c:v>
                </c:pt>
                <c:pt idx="946">
                  <c:v>43194.092488425929</c:v>
                </c:pt>
                <c:pt idx="947">
                  <c:v>43194.009386574071</c:v>
                </c:pt>
                <c:pt idx="948">
                  <c:v>43193.967812499999</c:v>
                </c:pt>
                <c:pt idx="949">
                  <c:v>43193.843032407407</c:v>
                </c:pt>
                <c:pt idx="950">
                  <c:v>43193.801458333335</c:v>
                </c:pt>
                <c:pt idx="951">
                  <c:v>43193.759837962964</c:v>
                </c:pt>
                <c:pt idx="952">
                  <c:v>43193.718206018515</c:v>
                </c:pt>
                <c:pt idx="953">
                  <c:v>43193.676550925928</c:v>
                </c:pt>
                <c:pt idx="954">
                  <c:v>43193.635115740741</c:v>
                </c:pt>
                <c:pt idx="955">
                  <c:v>43193.593530092592</c:v>
                </c:pt>
                <c:pt idx="956">
                  <c:v>43193.551932870374</c:v>
                </c:pt>
                <c:pt idx="957">
                  <c:v>43193.510335648149</c:v>
                </c:pt>
                <c:pt idx="958">
                  <c:v>43193.4687962963</c:v>
                </c:pt>
                <c:pt idx="959">
                  <c:v>43193.427245370367</c:v>
                </c:pt>
                <c:pt idx="960">
                  <c:v>43193.385706018518</c:v>
                </c:pt>
                <c:pt idx="961">
                  <c:v>43193.30259259259</c:v>
                </c:pt>
                <c:pt idx="962">
                  <c:v>43193.260949074072</c:v>
                </c:pt>
                <c:pt idx="963">
                  <c:v>43193.219444444447</c:v>
                </c:pt>
                <c:pt idx="964">
                  <c:v>43193.094571759262</c:v>
                </c:pt>
                <c:pt idx="965">
                  <c:v>43193.052986111114</c:v>
                </c:pt>
                <c:pt idx="966">
                  <c:v>43192.928159722222</c:v>
                </c:pt>
                <c:pt idx="967">
                  <c:v>43192.886574074073</c:v>
                </c:pt>
                <c:pt idx="968">
                  <c:v>43192.803391203706</c:v>
                </c:pt>
                <c:pt idx="969">
                  <c:v>43192.720138888886</c:v>
                </c:pt>
                <c:pt idx="970">
                  <c:v>43192.678530092591</c:v>
                </c:pt>
                <c:pt idx="971">
                  <c:v>43192.637048611112</c:v>
                </c:pt>
                <c:pt idx="972">
                  <c:v>43192.595243055555</c:v>
                </c:pt>
                <c:pt idx="973">
                  <c:v>43192.553703703707</c:v>
                </c:pt>
                <c:pt idx="974">
                  <c:v>43192.51222222222</c:v>
                </c:pt>
                <c:pt idx="975">
                  <c:v>43192.470578703702</c:v>
                </c:pt>
                <c:pt idx="976">
                  <c:v>43192.42895833333</c:v>
                </c:pt>
                <c:pt idx="977">
                  <c:v>43192.387326388889</c:v>
                </c:pt>
                <c:pt idx="978">
                  <c:v>43192.387326388889</c:v>
                </c:pt>
                <c:pt idx="979">
                  <c:v>43192.345706018517</c:v>
                </c:pt>
                <c:pt idx="980">
                  <c:v>43192.304166666669</c:v>
                </c:pt>
                <c:pt idx="981">
                  <c:v>43192.262627314813</c:v>
                </c:pt>
                <c:pt idx="982">
                  <c:v>43192.220983796295</c:v>
                </c:pt>
                <c:pt idx="983">
                  <c:v>43192.179456018515</c:v>
                </c:pt>
                <c:pt idx="984">
                  <c:v>43192.13784722222</c:v>
                </c:pt>
                <c:pt idx="985">
                  <c:v>43192.096203703702</c:v>
                </c:pt>
                <c:pt idx="986">
                  <c:v>43192.054583333331</c:v>
                </c:pt>
                <c:pt idx="987">
                  <c:v>43192.012986111113</c:v>
                </c:pt>
                <c:pt idx="988">
                  <c:v>43191.971365740741</c:v>
                </c:pt>
                <c:pt idx="989">
                  <c:v>43191.929826388892</c:v>
                </c:pt>
                <c:pt idx="990">
                  <c:v>43191.888240740744</c:v>
                </c:pt>
                <c:pt idx="991">
                  <c:v>43191.846608796295</c:v>
                </c:pt>
                <c:pt idx="992">
                  <c:v>43191.805</c:v>
                </c:pt>
                <c:pt idx="993">
                  <c:v>43191.763402777775</c:v>
                </c:pt>
                <c:pt idx="994">
                  <c:v>43191.721782407411</c:v>
                </c:pt>
                <c:pt idx="995">
                  <c:v>43191.680173611108</c:v>
                </c:pt>
                <c:pt idx="996">
                  <c:v>43191.63853009259</c:v>
                </c:pt>
                <c:pt idx="997">
                  <c:v>43191.596909722219</c:v>
                </c:pt>
                <c:pt idx="998">
                  <c:v>43191.555289351854</c:v>
                </c:pt>
                <c:pt idx="999">
                  <c:v>43191.513645833336</c:v>
                </c:pt>
                <c:pt idx="1000">
                  <c:v>43191.472013888888</c:v>
                </c:pt>
                <c:pt idx="1001">
                  <c:v>43191.430405092593</c:v>
                </c:pt>
                <c:pt idx="1002">
                  <c:v>43191.388784722221</c:v>
                </c:pt>
                <c:pt idx="1003">
                  <c:v>43191.263958333337</c:v>
                </c:pt>
                <c:pt idx="1004">
                  <c:v>43191.222372685188</c:v>
                </c:pt>
                <c:pt idx="1005">
                  <c:v>43191.18072916667</c:v>
                </c:pt>
                <c:pt idx="1006">
                  <c:v>43191.097638888888</c:v>
                </c:pt>
                <c:pt idx="1007">
                  <c:v>43191.056203703702</c:v>
                </c:pt>
                <c:pt idx="1008">
                  <c:v>43191.014652777776</c:v>
                </c:pt>
                <c:pt idx="1009">
                  <c:v>43190.973032407404</c:v>
                </c:pt>
                <c:pt idx="1010">
                  <c:v>43190.931435185186</c:v>
                </c:pt>
                <c:pt idx="1011">
                  <c:v>43190.889780092592</c:v>
                </c:pt>
                <c:pt idx="1012">
                  <c:v>43190.848171296297</c:v>
                </c:pt>
                <c:pt idx="1013">
                  <c:v>43190.806550925925</c:v>
                </c:pt>
                <c:pt idx="1014">
                  <c:v>43190.764907407407</c:v>
                </c:pt>
                <c:pt idx="1015">
                  <c:v>43190.723298611112</c:v>
                </c:pt>
                <c:pt idx="1016">
                  <c:v>43190.681701388887</c:v>
                </c:pt>
                <c:pt idx="1017">
                  <c:v>43190.640069444446</c:v>
                </c:pt>
                <c:pt idx="1018">
                  <c:v>43190.598449074074</c:v>
                </c:pt>
                <c:pt idx="1019">
                  <c:v>43190.556817129633</c:v>
                </c:pt>
                <c:pt idx="1020">
                  <c:v>43190.515196759261</c:v>
                </c:pt>
                <c:pt idx="1021">
                  <c:v>43190.473553240743</c:v>
                </c:pt>
                <c:pt idx="1022">
                  <c:v>43190.431921296295</c:v>
                </c:pt>
                <c:pt idx="1023">
                  <c:v>43190.390266203707</c:v>
                </c:pt>
                <c:pt idx="1024">
                  <c:v>43190.307013888887</c:v>
                </c:pt>
                <c:pt idx="1025">
                  <c:v>43190.265381944446</c:v>
                </c:pt>
                <c:pt idx="1026">
                  <c:v>43190.223761574074</c:v>
                </c:pt>
                <c:pt idx="1027">
                  <c:v>43190.182129629633</c:v>
                </c:pt>
                <c:pt idx="1028">
                  <c:v>43190.140497685185</c:v>
                </c:pt>
                <c:pt idx="1029">
                  <c:v>43190.098865740743</c:v>
                </c:pt>
                <c:pt idx="1030">
                  <c:v>43190.015613425923</c:v>
                </c:pt>
                <c:pt idx="1031">
                  <c:v>43189.973981481482</c:v>
                </c:pt>
                <c:pt idx="1032">
                  <c:v>43189.932372685187</c:v>
                </c:pt>
                <c:pt idx="1033">
                  <c:v>43189.890729166669</c:v>
                </c:pt>
                <c:pt idx="1034">
                  <c:v>43189.849085648151</c:v>
                </c:pt>
                <c:pt idx="1035">
                  <c:v>43189.807453703703</c:v>
                </c:pt>
                <c:pt idx="1036">
                  <c:v>43189.765821759262</c:v>
                </c:pt>
                <c:pt idx="1037">
                  <c:v>43189.72420138889</c:v>
                </c:pt>
                <c:pt idx="1038">
                  <c:v>43189.682569444441</c:v>
                </c:pt>
                <c:pt idx="1039">
                  <c:v>43189.640925925924</c:v>
                </c:pt>
                <c:pt idx="1040">
                  <c:v>43189.599293981482</c:v>
                </c:pt>
                <c:pt idx="1041">
                  <c:v>43189.557650462964</c:v>
                </c:pt>
                <c:pt idx="1042">
                  <c:v>43189.516018518516</c:v>
                </c:pt>
                <c:pt idx="1043">
                  <c:v>43189.474398148152</c:v>
                </c:pt>
                <c:pt idx="1044">
                  <c:v>43189.43277777778</c:v>
                </c:pt>
                <c:pt idx="1045">
                  <c:v>43189.391168981485</c:v>
                </c:pt>
                <c:pt idx="1046">
                  <c:v>43189.349548611113</c:v>
                </c:pt>
                <c:pt idx="1047">
                  <c:v>43189.307905092595</c:v>
                </c:pt>
                <c:pt idx="1048">
                  <c:v>43189.224664351852</c:v>
                </c:pt>
                <c:pt idx="1049">
                  <c:v>43189.183113425926</c:v>
                </c:pt>
                <c:pt idx="1050">
                  <c:v>43189.141504629632</c:v>
                </c:pt>
                <c:pt idx="1051">
                  <c:v>43189.099872685183</c:v>
                </c:pt>
                <c:pt idx="1052">
                  <c:v>43189.058229166665</c:v>
                </c:pt>
                <c:pt idx="1053">
                  <c:v>43189.016712962963</c:v>
                </c:pt>
                <c:pt idx="1054">
                  <c:v>43188.975092592591</c:v>
                </c:pt>
                <c:pt idx="1055">
                  <c:v>43188.933483796296</c:v>
                </c:pt>
                <c:pt idx="1056">
                  <c:v>43188.850300925929</c:v>
                </c:pt>
                <c:pt idx="1057">
                  <c:v>43188.808715277781</c:v>
                </c:pt>
                <c:pt idx="1058">
                  <c:v>43188.767152777778</c:v>
                </c:pt>
                <c:pt idx="1059">
                  <c:v>43188.72552083333</c:v>
                </c:pt>
                <c:pt idx="1060">
                  <c:v>43188.683877314812</c:v>
                </c:pt>
                <c:pt idx="1061">
                  <c:v>43188.642268518517</c:v>
                </c:pt>
                <c:pt idx="1062">
                  <c:v>43188.600636574076</c:v>
                </c:pt>
                <c:pt idx="1063">
                  <c:v>43188.517442129632</c:v>
                </c:pt>
                <c:pt idx="1064">
                  <c:v>43188.475810185184</c:v>
                </c:pt>
                <c:pt idx="1065">
                  <c:v>43188.434212962966</c:v>
                </c:pt>
                <c:pt idx="1066">
                  <c:v>43188.392604166664</c:v>
                </c:pt>
                <c:pt idx="1067">
                  <c:v>43188.350960648146</c:v>
                </c:pt>
                <c:pt idx="1068">
                  <c:v>43188.309317129628</c:v>
                </c:pt>
                <c:pt idx="1069">
                  <c:v>43188.267743055556</c:v>
                </c:pt>
                <c:pt idx="1070">
                  <c:v>43188.226111111115</c:v>
                </c:pt>
                <c:pt idx="1071">
                  <c:v>43188.184687499997</c:v>
                </c:pt>
                <c:pt idx="1072">
                  <c:v>43188.143171296295</c:v>
                </c:pt>
                <c:pt idx="1073">
                  <c:v>43188.101574074077</c:v>
                </c:pt>
                <c:pt idx="1074">
                  <c:v>43188.059942129628</c:v>
                </c:pt>
                <c:pt idx="1075">
                  <c:v>43188.018333333333</c:v>
                </c:pt>
                <c:pt idx="1076">
                  <c:v>43187.976689814815</c:v>
                </c:pt>
                <c:pt idx="1077">
                  <c:v>43187.935057870367</c:v>
                </c:pt>
                <c:pt idx="1078">
                  <c:v>43187.893414351849</c:v>
                </c:pt>
                <c:pt idx="1079">
                  <c:v>43187.851805555554</c:v>
                </c:pt>
                <c:pt idx="1080">
                  <c:v>43187.810173611113</c:v>
                </c:pt>
                <c:pt idx="1081">
                  <c:v>43187.768553240741</c:v>
                </c:pt>
                <c:pt idx="1082">
                  <c:v>43187.72693287037</c:v>
                </c:pt>
                <c:pt idx="1083">
                  <c:v>43187.685324074075</c:v>
                </c:pt>
                <c:pt idx="1084">
                  <c:v>43187.643761574072</c:v>
                </c:pt>
                <c:pt idx="1085">
                  <c:v>43187.602129629631</c:v>
                </c:pt>
                <c:pt idx="1086">
                  <c:v>43187.560578703706</c:v>
                </c:pt>
                <c:pt idx="1087">
                  <c:v>43187.518935185188</c:v>
                </c:pt>
                <c:pt idx="1088">
                  <c:v>43187.477303240739</c:v>
                </c:pt>
                <c:pt idx="1089">
                  <c:v>43187.435671296298</c:v>
                </c:pt>
                <c:pt idx="1090">
                  <c:v>43187.39403935185</c:v>
                </c:pt>
                <c:pt idx="1091">
                  <c:v>43187.352395833332</c:v>
                </c:pt>
                <c:pt idx="1092">
                  <c:v>43187.310810185183</c:v>
                </c:pt>
                <c:pt idx="1093">
                  <c:v>43187.269259259258</c:v>
                </c:pt>
                <c:pt idx="1094">
                  <c:v>43187.22760416667</c:v>
                </c:pt>
                <c:pt idx="1095">
                  <c:v>43187.185972222222</c:v>
                </c:pt>
                <c:pt idx="1096">
                  <c:v>43187.14435185185</c:v>
                </c:pt>
                <c:pt idx="1097">
                  <c:v>43187.102731481478</c:v>
                </c:pt>
                <c:pt idx="1098">
                  <c:v>43187.061099537037</c:v>
                </c:pt>
                <c:pt idx="1099">
                  <c:v>43187.019479166665</c:v>
                </c:pt>
                <c:pt idx="1100">
                  <c:v>43186.977847222224</c:v>
                </c:pt>
                <c:pt idx="1101">
                  <c:v>43186.936226851853</c:v>
                </c:pt>
                <c:pt idx="1102">
                  <c:v>43186.894606481481</c:v>
                </c:pt>
                <c:pt idx="1103">
                  <c:v>43186.853009259263</c:v>
                </c:pt>
                <c:pt idx="1104">
                  <c:v>43186.811400462961</c:v>
                </c:pt>
                <c:pt idx="1105">
                  <c:v>43186.769768518519</c:v>
                </c:pt>
                <c:pt idx="1106">
                  <c:v>43186.728125000001</c:v>
                </c:pt>
                <c:pt idx="1107">
                  <c:v>43186.686516203707</c:v>
                </c:pt>
                <c:pt idx="1108">
                  <c:v>43186.644884259258</c:v>
                </c:pt>
                <c:pt idx="1109">
                  <c:v>43186.603263888886</c:v>
                </c:pt>
                <c:pt idx="1110">
                  <c:v>43186.561620370368</c:v>
                </c:pt>
                <c:pt idx="1111">
                  <c:v>43186.519988425927</c:v>
                </c:pt>
                <c:pt idx="1112">
                  <c:v>43186.478344907409</c:v>
                </c:pt>
                <c:pt idx="1113">
                  <c:v>43186.436724537038</c:v>
                </c:pt>
                <c:pt idx="1114">
                  <c:v>43186.395092592589</c:v>
                </c:pt>
                <c:pt idx="1115">
                  <c:v>43186.353460648148</c:v>
                </c:pt>
                <c:pt idx="1116">
                  <c:v>43186.311840277776</c:v>
                </c:pt>
                <c:pt idx="1117">
                  <c:v>43186.270208333335</c:v>
                </c:pt>
                <c:pt idx="1118">
                  <c:v>43186.228587962964</c:v>
                </c:pt>
                <c:pt idx="1119">
                  <c:v>43186.186990740738</c:v>
                </c:pt>
                <c:pt idx="1120">
                  <c:v>43186.145370370374</c:v>
                </c:pt>
                <c:pt idx="1121">
                  <c:v>43186.103750000002</c:v>
                </c:pt>
                <c:pt idx="1122">
                  <c:v>43186.020497685182</c:v>
                </c:pt>
                <c:pt idx="1123">
                  <c:v>43185.9372337963</c:v>
                </c:pt>
                <c:pt idx="1124">
                  <c:v>43185.895624999997</c:v>
                </c:pt>
                <c:pt idx="1125">
                  <c:v>43185.853993055556</c:v>
                </c:pt>
                <c:pt idx="1126">
                  <c:v>43185.812361111108</c:v>
                </c:pt>
                <c:pt idx="1127">
                  <c:v>43185.77071759259</c:v>
                </c:pt>
                <c:pt idx="1128">
                  <c:v>43185.729120370372</c:v>
                </c:pt>
                <c:pt idx="1129">
                  <c:v>43185.687511574077</c:v>
                </c:pt>
                <c:pt idx="1130">
                  <c:v>43185.645902777775</c:v>
                </c:pt>
              </c:numCache>
            </c:numRef>
          </c:xVal>
          <c:yVal>
            <c:numRef>
              <c:f>グラフ!$H$6:$H$1136</c:f>
              <c:numCache>
                <c:formatCode>General</c:formatCode>
                <c:ptCount val="1131"/>
                <c:pt idx="0">
                  <c:v>23.3</c:v>
                </c:pt>
                <c:pt idx="1">
                  <c:v>23</c:v>
                </c:pt>
                <c:pt idx="2">
                  <c:v>22.5</c:v>
                </c:pt>
                <c:pt idx="3">
                  <c:v>22.5</c:v>
                </c:pt>
                <c:pt idx="4">
                  <c:v>22.5</c:v>
                </c:pt>
                <c:pt idx="5">
                  <c:v>22.7</c:v>
                </c:pt>
                <c:pt idx="6">
                  <c:v>22.9</c:v>
                </c:pt>
                <c:pt idx="7">
                  <c:v>22.9</c:v>
                </c:pt>
                <c:pt idx="8">
                  <c:v>22.9</c:v>
                </c:pt>
                <c:pt idx="9">
                  <c:v>22.9</c:v>
                </c:pt>
                <c:pt idx="10">
                  <c:v>23</c:v>
                </c:pt>
                <c:pt idx="11">
                  <c:v>23.2</c:v>
                </c:pt>
                <c:pt idx="12">
                  <c:v>23.2</c:v>
                </c:pt>
                <c:pt idx="13">
                  <c:v>23.2</c:v>
                </c:pt>
                <c:pt idx="14">
                  <c:v>23.5</c:v>
                </c:pt>
                <c:pt idx="15">
                  <c:v>23.7</c:v>
                </c:pt>
                <c:pt idx="16">
                  <c:v>23.7</c:v>
                </c:pt>
                <c:pt idx="17">
                  <c:v>23.7</c:v>
                </c:pt>
                <c:pt idx="18">
                  <c:v>23.8</c:v>
                </c:pt>
                <c:pt idx="19">
                  <c:v>23.8</c:v>
                </c:pt>
                <c:pt idx="20">
                  <c:v>24</c:v>
                </c:pt>
                <c:pt idx="21">
                  <c:v>24.1</c:v>
                </c:pt>
                <c:pt idx="22">
                  <c:v>24.3</c:v>
                </c:pt>
                <c:pt idx="23">
                  <c:v>24.3</c:v>
                </c:pt>
                <c:pt idx="24">
                  <c:v>24.8</c:v>
                </c:pt>
                <c:pt idx="25">
                  <c:v>25.7</c:v>
                </c:pt>
                <c:pt idx="26">
                  <c:v>25.9</c:v>
                </c:pt>
                <c:pt idx="27">
                  <c:v>25.9</c:v>
                </c:pt>
                <c:pt idx="28">
                  <c:v>25.9</c:v>
                </c:pt>
                <c:pt idx="29">
                  <c:v>25.9</c:v>
                </c:pt>
                <c:pt idx="30">
                  <c:v>25.7</c:v>
                </c:pt>
                <c:pt idx="31">
                  <c:v>25.7</c:v>
                </c:pt>
                <c:pt idx="32">
                  <c:v>25.7</c:v>
                </c:pt>
                <c:pt idx="33">
                  <c:v>25.7</c:v>
                </c:pt>
                <c:pt idx="34">
                  <c:v>25.9</c:v>
                </c:pt>
                <c:pt idx="35">
                  <c:v>26.2</c:v>
                </c:pt>
                <c:pt idx="36">
                  <c:v>26.4</c:v>
                </c:pt>
                <c:pt idx="37">
                  <c:v>26.7</c:v>
                </c:pt>
                <c:pt idx="38">
                  <c:v>26.9</c:v>
                </c:pt>
                <c:pt idx="39">
                  <c:v>27</c:v>
                </c:pt>
                <c:pt idx="40">
                  <c:v>27</c:v>
                </c:pt>
                <c:pt idx="41">
                  <c:v>26.9</c:v>
                </c:pt>
                <c:pt idx="42">
                  <c:v>26.4</c:v>
                </c:pt>
                <c:pt idx="43">
                  <c:v>25.6</c:v>
                </c:pt>
                <c:pt idx="44">
                  <c:v>25.3</c:v>
                </c:pt>
                <c:pt idx="45">
                  <c:v>24.3</c:v>
                </c:pt>
                <c:pt idx="46">
                  <c:v>23.7</c:v>
                </c:pt>
                <c:pt idx="47">
                  <c:v>23.5</c:v>
                </c:pt>
                <c:pt idx="48">
                  <c:v>21.6</c:v>
                </c:pt>
                <c:pt idx="49">
                  <c:v>20.6</c:v>
                </c:pt>
                <c:pt idx="50">
                  <c:v>20.3</c:v>
                </c:pt>
                <c:pt idx="51">
                  <c:v>20.5</c:v>
                </c:pt>
                <c:pt idx="52">
                  <c:v>21.1</c:v>
                </c:pt>
                <c:pt idx="53">
                  <c:v>20.6</c:v>
                </c:pt>
                <c:pt idx="54">
                  <c:v>20.8</c:v>
                </c:pt>
                <c:pt idx="55">
                  <c:v>21.1</c:v>
                </c:pt>
                <c:pt idx="56">
                  <c:v>21.4</c:v>
                </c:pt>
                <c:pt idx="57">
                  <c:v>21.7</c:v>
                </c:pt>
                <c:pt idx="58">
                  <c:v>22.1</c:v>
                </c:pt>
                <c:pt idx="59">
                  <c:v>22.4</c:v>
                </c:pt>
                <c:pt idx="60">
                  <c:v>22.7</c:v>
                </c:pt>
                <c:pt idx="61">
                  <c:v>23</c:v>
                </c:pt>
                <c:pt idx="62">
                  <c:v>23.2</c:v>
                </c:pt>
                <c:pt idx="63">
                  <c:v>23.2</c:v>
                </c:pt>
                <c:pt idx="64">
                  <c:v>23.3</c:v>
                </c:pt>
                <c:pt idx="65">
                  <c:v>22.4</c:v>
                </c:pt>
                <c:pt idx="66">
                  <c:v>22.1</c:v>
                </c:pt>
                <c:pt idx="67">
                  <c:v>20.5</c:v>
                </c:pt>
                <c:pt idx="68">
                  <c:v>19.3</c:v>
                </c:pt>
                <c:pt idx="69">
                  <c:v>18.399999999999999</c:v>
                </c:pt>
                <c:pt idx="70">
                  <c:v>18.100000000000001</c:v>
                </c:pt>
                <c:pt idx="71">
                  <c:v>18.2</c:v>
                </c:pt>
                <c:pt idx="72">
                  <c:v>16.3</c:v>
                </c:pt>
                <c:pt idx="73">
                  <c:v>15.8</c:v>
                </c:pt>
                <c:pt idx="74">
                  <c:v>15.7</c:v>
                </c:pt>
                <c:pt idx="75">
                  <c:v>16.100000000000001</c:v>
                </c:pt>
                <c:pt idx="76">
                  <c:v>16.600000000000001</c:v>
                </c:pt>
                <c:pt idx="77">
                  <c:v>16.899999999999999</c:v>
                </c:pt>
                <c:pt idx="78">
                  <c:v>17.100000000000001</c:v>
                </c:pt>
                <c:pt idx="79">
                  <c:v>17.100000000000001</c:v>
                </c:pt>
                <c:pt idx="80">
                  <c:v>17.3</c:v>
                </c:pt>
                <c:pt idx="81">
                  <c:v>17.399999999999999</c:v>
                </c:pt>
                <c:pt idx="82">
                  <c:v>17.600000000000001</c:v>
                </c:pt>
                <c:pt idx="83">
                  <c:v>17.7</c:v>
                </c:pt>
                <c:pt idx="84">
                  <c:v>18.2</c:v>
                </c:pt>
                <c:pt idx="85">
                  <c:v>18.7</c:v>
                </c:pt>
                <c:pt idx="86">
                  <c:v>19</c:v>
                </c:pt>
                <c:pt idx="87">
                  <c:v>19.2</c:v>
                </c:pt>
                <c:pt idx="88">
                  <c:v>19</c:v>
                </c:pt>
                <c:pt idx="89">
                  <c:v>18.5</c:v>
                </c:pt>
                <c:pt idx="90">
                  <c:v>18.2</c:v>
                </c:pt>
                <c:pt idx="91">
                  <c:v>17.899999999999999</c:v>
                </c:pt>
                <c:pt idx="92">
                  <c:v>17.600000000000001</c:v>
                </c:pt>
                <c:pt idx="93">
                  <c:v>17.3</c:v>
                </c:pt>
                <c:pt idx="94">
                  <c:v>16.899999999999999</c:v>
                </c:pt>
                <c:pt idx="95">
                  <c:v>16.899999999999999</c:v>
                </c:pt>
                <c:pt idx="96">
                  <c:v>16.8</c:v>
                </c:pt>
                <c:pt idx="97">
                  <c:v>16.899999999999999</c:v>
                </c:pt>
                <c:pt idx="98">
                  <c:v>17.100000000000001</c:v>
                </c:pt>
                <c:pt idx="99">
                  <c:v>17.399999999999999</c:v>
                </c:pt>
                <c:pt idx="100">
                  <c:v>17.600000000000001</c:v>
                </c:pt>
                <c:pt idx="101">
                  <c:v>17.7</c:v>
                </c:pt>
                <c:pt idx="102">
                  <c:v>17.7</c:v>
                </c:pt>
                <c:pt idx="103">
                  <c:v>17.7</c:v>
                </c:pt>
                <c:pt idx="104">
                  <c:v>17.7</c:v>
                </c:pt>
                <c:pt idx="105">
                  <c:v>17.7</c:v>
                </c:pt>
                <c:pt idx="106">
                  <c:v>17.7</c:v>
                </c:pt>
                <c:pt idx="107">
                  <c:v>17.7</c:v>
                </c:pt>
                <c:pt idx="108">
                  <c:v>17.7</c:v>
                </c:pt>
                <c:pt idx="109">
                  <c:v>17.899999999999999</c:v>
                </c:pt>
                <c:pt idx="110">
                  <c:v>17.7</c:v>
                </c:pt>
                <c:pt idx="111">
                  <c:v>17.7</c:v>
                </c:pt>
                <c:pt idx="112">
                  <c:v>17.600000000000001</c:v>
                </c:pt>
                <c:pt idx="113">
                  <c:v>17.600000000000001</c:v>
                </c:pt>
                <c:pt idx="114">
                  <c:v>18.2</c:v>
                </c:pt>
                <c:pt idx="115">
                  <c:v>18.5</c:v>
                </c:pt>
                <c:pt idx="116">
                  <c:v>18.7</c:v>
                </c:pt>
                <c:pt idx="117">
                  <c:v>18.7</c:v>
                </c:pt>
                <c:pt idx="118">
                  <c:v>19.2</c:v>
                </c:pt>
                <c:pt idx="119">
                  <c:v>19.3</c:v>
                </c:pt>
                <c:pt idx="120">
                  <c:v>19.7</c:v>
                </c:pt>
                <c:pt idx="121">
                  <c:v>19.7</c:v>
                </c:pt>
                <c:pt idx="122">
                  <c:v>19.5</c:v>
                </c:pt>
                <c:pt idx="123">
                  <c:v>19.3</c:v>
                </c:pt>
                <c:pt idx="124">
                  <c:v>18.899999999999999</c:v>
                </c:pt>
                <c:pt idx="125">
                  <c:v>18.2</c:v>
                </c:pt>
                <c:pt idx="126">
                  <c:v>18.399999999999999</c:v>
                </c:pt>
                <c:pt idx="127">
                  <c:v>18.7</c:v>
                </c:pt>
                <c:pt idx="128">
                  <c:v>19</c:v>
                </c:pt>
                <c:pt idx="129">
                  <c:v>19.3</c:v>
                </c:pt>
                <c:pt idx="130">
                  <c:v>19.5</c:v>
                </c:pt>
                <c:pt idx="131">
                  <c:v>19.7</c:v>
                </c:pt>
                <c:pt idx="132">
                  <c:v>20</c:v>
                </c:pt>
                <c:pt idx="133">
                  <c:v>20.5</c:v>
                </c:pt>
                <c:pt idx="134">
                  <c:v>20.6</c:v>
                </c:pt>
                <c:pt idx="135">
                  <c:v>20.6</c:v>
                </c:pt>
                <c:pt idx="136">
                  <c:v>20.5</c:v>
                </c:pt>
                <c:pt idx="137">
                  <c:v>20.9</c:v>
                </c:pt>
                <c:pt idx="138">
                  <c:v>20.5</c:v>
                </c:pt>
                <c:pt idx="139">
                  <c:v>20.3</c:v>
                </c:pt>
                <c:pt idx="140">
                  <c:v>19.5</c:v>
                </c:pt>
                <c:pt idx="141">
                  <c:v>18.899999999999999</c:v>
                </c:pt>
                <c:pt idx="142">
                  <c:v>18.399999999999999</c:v>
                </c:pt>
                <c:pt idx="143">
                  <c:v>18.5</c:v>
                </c:pt>
                <c:pt idx="144">
                  <c:v>16.8</c:v>
                </c:pt>
                <c:pt idx="145">
                  <c:v>14.9</c:v>
                </c:pt>
                <c:pt idx="146">
                  <c:v>14.7</c:v>
                </c:pt>
                <c:pt idx="147">
                  <c:v>14.9</c:v>
                </c:pt>
                <c:pt idx="148">
                  <c:v>15.2</c:v>
                </c:pt>
                <c:pt idx="149">
                  <c:v>15.3</c:v>
                </c:pt>
                <c:pt idx="150">
                  <c:v>15.7</c:v>
                </c:pt>
                <c:pt idx="151">
                  <c:v>16</c:v>
                </c:pt>
                <c:pt idx="152">
                  <c:v>16.5</c:v>
                </c:pt>
                <c:pt idx="153">
                  <c:v>16.8</c:v>
                </c:pt>
                <c:pt idx="154">
                  <c:v>17.100000000000001</c:v>
                </c:pt>
                <c:pt idx="155">
                  <c:v>17.399999999999999</c:v>
                </c:pt>
                <c:pt idx="156">
                  <c:v>17.899999999999999</c:v>
                </c:pt>
                <c:pt idx="157">
                  <c:v>18.399999999999999</c:v>
                </c:pt>
                <c:pt idx="158">
                  <c:v>18.5</c:v>
                </c:pt>
                <c:pt idx="159">
                  <c:v>18.399999999999999</c:v>
                </c:pt>
                <c:pt idx="160">
                  <c:v>18.100000000000001</c:v>
                </c:pt>
                <c:pt idx="161">
                  <c:v>17.600000000000001</c:v>
                </c:pt>
                <c:pt idx="162">
                  <c:v>17.3</c:v>
                </c:pt>
                <c:pt idx="163">
                  <c:v>16.5</c:v>
                </c:pt>
                <c:pt idx="164">
                  <c:v>16</c:v>
                </c:pt>
                <c:pt idx="165">
                  <c:v>15</c:v>
                </c:pt>
                <c:pt idx="166">
                  <c:v>14.4</c:v>
                </c:pt>
                <c:pt idx="167">
                  <c:v>14.5</c:v>
                </c:pt>
                <c:pt idx="168">
                  <c:v>12.6</c:v>
                </c:pt>
                <c:pt idx="169">
                  <c:v>11</c:v>
                </c:pt>
                <c:pt idx="170">
                  <c:v>10.7</c:v>
                </c:pt>
                <c:pt idx="171">
                  <c:v>10.9</c:v>
                </c:pt>
                <c:pt idx="172">
                  <c:v>11.2</c:v>
                </c:pt>
                <c:pt idx="173">
                  <c:v>11.5</c:v>
                </c:pt>
                <c:pt idx="174">
                  <c:v>11.7</c:v>
                </c:pt>
                <c:pt idx="175">
                  <c:v>12.1</c:v>
                </c:pt>
                <c:pt idx="176">
                  <c:v>12.5</c:v>
                </c:pt>
                <c:pt idx="177">
                  <c:v>12.9</c:v>
                </c:pt>
                <c:pt idx="178">
                  <c:v>13.3</c:v>
                </c:pt>
                <c:pt idx="179">
                  <c:v>13.4</c:v>
                </c:pt>
                <c:pt idx="180">
                  <c:v>13.9</c:v>
                </c:pt>
                <c:pt idx="181">
                  <c:v>14.2</c:v>
                </c:pt>
                <c:pt idx="182">
                  <c:v>14.4</c:v>
                </c:pt>
                <c:pt idx="183">
                  <c:v>14.1</c:v>
                </c:pt>
                <c:pt idx="184">
                  <c:v>13.9</c:v>
                </c:pt>
                <c:pt idx="185">
                  <c:v>13.7</c:v>
                </c:pt>
                <c:pt idx="186">
                  <c:v>13.6</c:v>
                </c:pt>
                <c:pt idx="187">
                  <c:v>14.2</c:v>
                </c:pt>
                <c:pt idx="188">
                  <c:v>13.7</c:v>
                </c:pt>
                <c:pt idx="189">
                  <c:v>13.7</c:v>
                </c:pt>
                <c:pt idx="190">
                  <c:v>13.7</c:v>
                </c:pt>
                <c:pt idx="191">
                  <c:v>14.1</c:v>
                </c:pt>
                <c:pt idx="192">
                  <c:v>13.9</c:v>
                </c:pt>
                <c:pt idx="193">
                  <c:v>13.4</c:v>
                </c:pt>
                <c:pt idx="194">
                  <c:v>13.7</c:v>
                </c:pt>
                <c:pt idx="195">
                  <c:v>13.7</c:v>
                </c:pt>
                <c:pt idx="196">
                  <c:v>13.9</c:v>
                </c:pt>
                <c:pt idx="197">
                  <c:v>14.1</c:v>
                </c:pt>
                <c:pt idx="198">
                  <c:v>14.2</c:v>
                </c:pt>
                <c:pt idx="199">
                  <c:v>14.2</c:v>
                </c:pt>
                <c:pt idx="200">
                  <c:v>14.4</c:v>
                </c:pt>
                <c:pt idx="201">
                  <c:v>14.5</c:v>
                </c:pt>
                <c:pt idx="202">
                  <c:v>14.5</c:v>
                </c:pt>
                <c:pt idx="203">
                  <c:v>14.7</c:v>
                </c:pt>
                <c:pt idx="204">
                  <c:v>15</c:v>
                </c:pt>
                <c:pt idx="205">
                  <c:v>15.5</c:v>
                </c:pt>
                <c:pt idx="206">
                  <c:v>15.8</c:v>
                </c:pt>
                <c:pt idx="207">
                  <c:v>16</c:v>
                </c:pt>
                <c:pt idx="208">
                  <c:v>16.3</c:v>
                </c:pt>
                <c:pt idx="209">
                  <c:v>16.100000000000001</c:v>
                </c:pt>
                <c:pt idx="210">
                  <c:v>15.7</c:v>
                </c:pt>
                <c:pt idx="211">
                  <c:v>15.7</c:v>
                </c:pt>
                <c:pt idx="212">
                  <c:v>15.3</c:v>
                </c:pt>
                <c:pt idx="213">
                  <c:v>15.3</c:v>
                </c:pt>
                <c:pt idx="214">
                  <c:v>14.9</c:v>
                </c:pt>
                <c:pt idx="215">
                  <c:v>14.5</c:v>
                </c:pt>
                <c:pt idx="216">
                  <c:v>14.4</c:v>
                </c:pt>
                <c:pt idx="217">
                  <c:v>14.2</c:v>
                </c:pt>
                <c:pt idx="218">
                  <c:v>14.2</c:v>
                </c:pt>
                <c:pt idx="219">
                  <c:v>14.4</c:v>
                </c:pt>
                <c:pt idx="220">
                  <c:v>14.5</c:v>
                </c:pt>
                <c:pt idx="221">
                  <c:v>14.5</c:v>
                </c:pt>
                <c:pt idx="222">
                  <c:v>14.5</c:v>
                </c:pt>
                <c:pt idx="223">
                  <c:v>14.4</c:v>
                </c:pt>
                <c:pt idx="224">
                  <c:v>14.5</c:v>
                </c:pt>
                <c:pt idx="225">
                  <c:v>14.9</c:v>
                </c:pt>
                <c:pt idx="226">
                  <c:v>14.7</c:v>
                </c:pt>
                <c:pt idx="227">
                  <c:v>14.7</c:v>
                </c:pt>
                <c:pt idx="228">
                  <c:v>14.9</c:v>
                </c:pt>
                <c:pt idx="229">
                  <c:v>14.9</c:v>
                </c:pt>
                <c:pt idx="230">
                  <c:v>15</c:v>
                </c:pt>
                <c:pt idx="231">
                  <c:v>15.3</c:v>
                </c:pt>
                <c:pt idx="232">
                  <c:v>15.5</c:v>
                </c:pt>
                <c:pt idx="233">
                  <c:v>15.5</c:v>
                </c:pt>
                <c:pt idx="234">
                  <c:v>15.3</c:v>
                </c:pt>
                <c:pt idx="235">
                  <c:v>15</c:v>
                </c:pt>
                <c:pt idx="236">
                  <c:v>14.9</c:v>
                </c:pt>
                <c:pt idx="237">
                  <c:v>14.5</c:v>
                </c:pt>
                <c:pt idx="238">
                  <c:v>14.4</c:v>
                </c:pt>
                <c:pt idx="239">
                  <c:v>14.4</c:v>
                </c:pt>
                <c:pt idx="240">
                  <c:v>14.2</c:v>
                </c:pt>
                <c:pt idx="241">
                  <c:v>14.4</c:v>
                </c:pt>
                <c:pt idx="242">
                  <c:v>14.4</c:v>
                </c:pt>
                <c:pt idx="243">
                  <c:v>14.2</c:v>
                </c:pt>
                <c:pt idx="244">
                  <c:v>14.1</c:v>
                </c:pt>
                <c:pt idx="245">
                  <c:v>14.2</c:v>
                </c:pt>
                <c:pt idx="246">
                  <c:v>14.5</c:v>
                </c:pt>
                <c:pt idx="247">
                  <c:v>14.4</c:v>
                </c:pt>
                <c:pt idx="248">
                  <c:v>14.4</c:v>
                </c:pt>
                <c:pt idx="249">
                  <c:v>14.4</c:v>
                </c:pt>
                <c:pt idx="250">
                  <c:v>14.9</c:v>
                </c:pt>
                <c:pt idx="251">
                  <c:v>14.9</c:v>
                </c:pt>
                <c:pt idx="252">
                  <c:v>14.9</c:v>
                </c:pt>
                <c:pt idx="253">
                  <c:v>14.7</c:v>
                </c:pt>
                <c:pt idx="254">
                  <c:v>14.9</c:v>
                </c:pt>
                <c:pt idx="255">
                  <c:v>15</c:v>
                </c:pt>
                <c:pt idx="256">
                  <c:v>15.3</c:v>
                </c:pt>
                <c:pt idx="257">
                  <c:v>15.3</c:v>
                </c:pt>
                <c:pt idx="258">
                  <c:v>15.5</c:v>
                </c:pt>
                <c:pt idx="259">
                  <c:v>15.3</c:v>
                </c:pt>
                <c:pt idx="260">
                  <c:v>15.3</c:v>
                </c:pt>
                <c:pt idx="261">
                  <c:v>15.3</c:v>
                </c:pt>
                <c:pt idx="262">
                  <c:v>15.3</c:v>
                </c:pt>
                <c:pt idx="263">
                  <c:v>15.3</c:v>
                </c:pt>
                <c:pt idx="264">
                  <c:v>15</c:v>
                </c:pt>
                <c:pt idx="265">
                  <c:v>15.2</c:v>
                </c:pt>
                <c:pt idx="266">
                  <c:v>15.3</c:v>
                </c:pt>
                <c:pt idx="267">
                  <c:v>15.2</c:v>
                </c:pt>
                <c:pt idx="268">
                  <c:v>15.3</c:v>
                </c:pt>
                <c:pt idx="269">
                  <c:v>16</c:v>
                </c:pt>
                <c:pt idx="270">
                  <c:v>16.600000000000001</c:v>
                </c:pt>
                <c:pt idx="271">
                  <c:v>17.600000000000001</c:v>
                </c:pt>
                <c:pt idx="272">
                  <c:v>18.2</c:v>
                </c:pt>
                <c:pt idx="273">
                  <c:v>18.899999999999999</c:v>
                </c:pt>
                <c:pt idx="274">
                  <c:v>19.2</c:v>
                </c:pt>
                <c:pt idx="275">
                  <c:v>19.7</c:v>
                </c:pt>
                <c:pt idx="276">
                  <c:v>20.100000000000001</c:v>
                </c:pt>
                <c:pt idx="277">
                  <c:v>20.6</c:v>
                </c:pt>
                <c:pt idx="278">
                  <c:v>20.9</c:v>
                </c:pt>
                <c:pt idx="279">
                  <c:v>21.6</c:v>
                </c:pt>
                <c:pt idx="280">
                  <c:v>22.1</c:v>
                </c:pt>
                <c:pt idx="281">
                  <c:v>22.9</c:v>
                </c:pt>
                <c:pt idx="282">
                  <c:v>22.9</c:v>
                </c:pt>
                <c:pt idx="283">
                  <c:v>22.9</c:v>
                </c:pt>
                <c:pt idx="284">
                  <c:v>22.1</c:v>
                </c:pt>
                <c:pt idx="285">
                  <c:v>21.1</c:v>
                </c:pt>
                <c:pt idx="286">
                  <c:v>20.100000000000001</c:v>
                </c:pt>
                <c:pt idx="287">
                  <c:v>19.8</c:v>
                </c:pt>
                <c:pt idx="288">
                  <c:v>18.899999999999999</c:v>
                </c:pt>
                <c:pt idx="289">
                  <c:v>17.7</c:v>
                </c:pt>
                <c:pt idx="290">
                  <c:v>16.600000000000001</c:v>
                </c:pt>
                <c:pt idx="291">
                  <c:v>16.100000000000001</c:v>
                </c:pt>
                <c:pt idx="292">
                  <c:v>16.3</c:v>
                </c:pt>
                <c:pt idx="293">
                  <c:v>16.600000000000001</c:v>
                </c:pt>
                <c:pt idx="294">
                  <c:v>16.8</c:v>
                </c:pt>
                <c:pt idx="295">
                  <c:v>16.8</c:v>
                </c:pt>
                <c:pt idx="296">
                  <c:v>16.899999999999999</c:v>
                </c:pt>
                <c:pt idx="297">
                  <c:v>17.100000000000001</c:v>
                </c:pt>
                <c:pt idx="298">
                  <c:v>17.3</c:v>
                </c:pt>
                <c:pt idx="299">
                  <c:v>17.600000000000001</c:v>
                </c:pt>
                <c:pt idx="300">
                  <c:v>18.100000000000001</c:v>
                </c:pt>
                <c:pt idx="301">
                  <c:v>18.2</c:v>
                </c:pt>
                <c:pt idx="302">
                  <c:v>18.7</c:v>
                </c:pt>
                <c:pt idx="303">
                  <c:v>18.899999999999999</c:v>
                </c:pt>
                <c:pt idx="304">
                  <c:v>18.899999999999999</c:v>
                </c:pt>
                <c:pt idx="305">
                  <c:v>18.899999999999999</c:v>
                </c:pt>
                <c:pt idx="306">
                  <c:v>18.5</c:v>
                </c:pt>
                <c:pt idx="307">
                  <c:v>18.399999999999999</c:v>
                </c:pt>
                <c:pt idx="308">
                  <c:v>18.100000000000001</c:v>
                </c:pt>
                <c:pt idx="309">
                  <c:v>17.399999999999999</c:v>
                </c:pt>
                <c:pt idx="310">
                  <c:v>16.899999999999999</c:v>
                </c:pt>
                <c:pt idx="311">
                  <c:v>16.5</c:v>
                </c:pt>
                <c:pt idx="312">
                  <c:v>15.8</c:v>
                </c:pt>
                <c:pt idx="313">
                  <c:v>14.4</c:v>
                </c:pt>
                <c:pt idx="314">
                  <c:v>13.4</c:v>
                </c:pt>
                <c:pt idx="315">
                  <c:v>13.3</c:v>
                </c:pt>
                <c:pt idx="316">
                  <c:v>13.4</c:v>
                </c:pt>
                <c:pt idx="317">
                  <c:v>13.6</c:v>
                </c:pt>
                <c:pt idx="318">
                  <c:v>13.7</c:v>
                </c:pt>
                <c:pt idx="319">
                  <c:v>14.1</c:v>
                </c:pt>
                <c:pt idx="320">
                  <c:v>14.1</c:v>
                </c:pt>
                <c:pt idx="321">
                  <c:v>13.9</c:v>
                </c:pt>
                <c:pt idx="322">
                  <c:v>14.1</c:v>
                </c:pt>
                <c:pt idx="323">
                  <c:v>14.4</c:v>
                </c:pt>
                <c:pt idx="324">
                  <c:v>14.7</c:v>
                </c:pt>
                <c:pt idx="325">
                  <c:v>15.2</c:v>
                </c:pt>
                <c:pt idx="326">
                  <c:v>15.7</c:v>
                </c:pt>
                <c:pt idx="327">
                  <c:v>15.7</c:v>
                </c:pt>
                <c:pt idx="328">
                  <c:v>15.2</c:v>
                </c:pt>
                <c:pt idx="329">
                  <c:v>14.2</c:v>
                </c:pt>
                <c:pt idx="330">
                  <c:v>13.7</c:v>
                </c:pt>
                <c:pt idx="331">
                  <c:v>13.1</c:v>
                </c:pt>
                <c:pt idx="332">
                  <c:v>12.6</c:v>
                </c:pt>
                <c:pt idx="333">
                  <c:v>12.3</c:v>
                </c:pt>
                <c:pt idx="334">
                  <c:v>12.1</c:v>
                </c:pt>
                <c:pt idx="335">
                  <c:v>12</c:v>
                </c:pt>
                <c:pt idx="336">
                  <c:v>12.6</c:v>
                </c:pt>
                <c:pt idx="337">
                  <c:v>13.1</c:v>
                </c:pt>
                <c:pt idx="338">
                  <c:v>12.9</c:v>
                </c:pt>
                <c:pt idx="339">
                  <c:v>12.8</c:v>
                </c:pt>
                <c:pt idx="340">
                  <c:v>13.3</c:v>
                </c:pt>
                <c:pt idx="341">
                  <c:v>14.1</c:v>
                </c:pt>
                <c:pt idx="342">
                  <c:v>14.4</c:v>
                </c:pt>
                <c:pt idx="343">
                  <c:v>14.5</c:v>
                </c:pt>
                <c:pt idx="344">
                  <c:v>14.5</c:v>
                </c:pt>
                <c:pt idx="345">
                  <c:v>14.9</c:v>
                </c:pt>
                <c:pt idx="346">
                  <c:v>15.5</c:v>
                </c:pt>
                <c:pt idx="347">
                  <c:v>15.7</c:v>
                </c:pt>
                <c:pt idx="348">
                  <c:v>16</c:v>
                </c:pt>
                <c:pt idx="349">
                  <c:v>16.100000000000001</c:v>
                </c:pt>
                <c:pt idx="350">
                  <c:v>16.5</c:v>
                </c:pt>
                <c:pt idx="351">
                  <c:v>16.8</c:v>
                </c:pt>
                <c:pt idx="352">
                  <c:v>16.8</c:v>
                </c:pt>
                <c:pt idx="353">
                  <c:v>16.5</c:v>
                </c:pt>
                <c:pt idx="354">
                  <c:v>16.100000000000001</c:v>
                </c:pt>
                <c:pt idx="355">
                  <c:v>16.3</c:v>
                </c:pt>
                <c:pt idx="356">
                  <c:v>16.3</c:v>
                </c:pt>
                <c:pt idx="357">
                  <c:v>16.5</c:v>
                </c:pt>
                <c:pt idx="358">
                  <c:v>16.899999999999999</c:v>
                </c:pt>
                <c:pt idx="359">
                  <c:v>17.3</c:v>
                </c:pt>
                <c:pt idx="360">
                  <c:v>17.600000000000001</c:v>
                </c:pt>
                <c:pt idx="361">
                  <c:v>17.7</c:v>
                </c:pt>
                <c:pt idx="362">
                  <c:v>17.899999999999999</c:v>
                </c:pt>
                <c:pt idx="363">
                  <c:v>18.100000000000001</c:v>
                </c:pt>
                <c:pt idx="364">
                  <c:v>17.7</c:v>
                </c:pt>
                <c:pt idx="365">
                  <c:v>17.7</c:v>
                </c:pt>
                <c:pt idx="366">
                  <c:v>17.3</c:v>
                </c:pt>
                <c:pt idx="367">
                  <c:v>17.3</c:v>
                </c:pt>
                <c:pt idx="368">
                  <c:v>17.600000000000001</c:v>
                </c:pt>
                <c:pt idx="369">
                  <c:v>17.7</c:v>
                </c:pt>
                <c:pt idx="370">
                  <c:v>17.7</c:v>
                </c:pt>
                <c:pt idx="371">
                  <c:v>18.2</c:v>
                </c:pt>
                <c:pt idx="372">
                  <c:v>18.2</c:v>
                </c:pt>
                <c:pt idx="373">
                  <c:v>18.100000000000001</c:v>
                </c:pt>
                <c:pt idx="374">
                  <c:v>18.399999999999999</c:v>
                </c:pt>
                <c:pt idx="375">
                  <c:v>19.8</c:v>
                </c:pt>
                <c:pt idx="376">
                  <c:v>21.4</c:v>
                </c:pt>
                <c:pt idx="377">
                  <c:v>22.5</c:v>
                </c:pt>
                <c:pt idx="378">
                  <c:v>24.3</c:v>
                </c:pt>
                <c:pt idx="379">
                  <c:v>23.7</c:v>
                </c:pt>
                <c:pt idx="380">
                  <c:v>23.2</c:v>
                </c:pt>
                <c:pt idx="381">
                  <c:v>22.9</c:v>
                </c:pt>
                <c:pt idx="382">
                  <c:v>21.9</c:v>
                </c:pt>
                <c:pt idx="383">
                  <c:v>21.1</c:v>
                </c:pt>
                <c:pt idx="384">
                  <c:v>19.7</c:v>
                </c:pt>
                <c:pt idx="385">
                  <c:v>19</c:v>
                </c:pt>
                <c:pt idx="386">
                  <c:v>17.3</c:v>
                </c:pt>
                <c:pt idx="387">
                  <c:v>17.3</c:v>
                </c:pt>
                <c:pt idx="388">
                  <c:v>17.600000000000001</c:v>
                </c:pt>
                <c:pt idx="389">
                  <c:v>17.899999999999999</c:v>
                </c:pt>
                <c:pt idx="390">
                  <c:v>18.100000000000001</c:v>
                </c:pt>
                <c:pt idx="391">
                  <c:v>18.399999999999999</c:v>
                </c:pt>
                <c:pt idx="392">
                  <c:v>18.5</c:v>
                </c:pt>
                <c:pt idx="393">
                  <c:v>19</c:v>
                </c:pt>
                <c:pt idx="394">
                  <c:v>19.3</c:v>
                </c:pt>
                <c:pt idx="395">
                  <c:v>19.5</c:v>
                </c:pt>
                <c:pt idx="396">
                  <c:v>19.3</c:v>
                </c:pt>
                <c:pt idx="397">
                  <c:v>19.8</c:v>
                </c:pt>
                <c:pt idx="398">
                  <c:v>20</c:v>
                </c:pt>
                <c:pt idx="399">
                  <c:v>20.100000000000001</c:v>
                </c:pt>
                <c:pt idx="400">
                  <c:v>21.9</c:v>
                </c:pt>
                <c:pt idx="401">
                  <c:v>23</c:v>
                </c:pt>
                <c:pt idx="402">
                  <c:v>23.3</c:v>
                </c:pt>
                <c:pt idx="403">
                  <c:v>23</c:v>
                </c:pt>
                <c:pt idx="404">
                  <c:v>23</c:v>
                </c:pt>
                <c:pt idx="405">
                  <c:v>22.5</c:v>
                </c:pt>
                <c:pt idx="406">
                  <c:v>21.7</c:v>
                </c:pt>
                <c:pt idx="407">
                  <c:v>21.1</c:v>
                </c:pt>
                <c:pt idx="408">
                  <c:v>20.6</c:v>
                </c:pt>
                <c:pt idx="409">
                  <c:v>19.7</c:v>
                </c:pt>
                <c:pt idx="410">
                  <c:v>19</c:v>
                </c:pt>
                <c:pt idx="411">
                  <c:v>18.899999999999999</c:v>
                </c:pt>
                <c:pt idx="412">
                  <c:v>19</c:v>
                </c:pt>
                <c:pt idx="413">
                  <c:v>19.3</c:v>
                </c:pt>
                <c:pt idx="414">
                  <c:v>19.3</c:v>
                </c:pt>
                <c:pt idx="415">
                  <c:v>19.8</c:v>
                </c:pt>
                <c:pt idx="416">
                  <c:v>20.100000000000001</c:v>
                </c:pt>
                <c:pt idx="417">
                  <c:v>20.6</c:v>
                </c:pt>
                <c:pt idx="418">
                  <c:v>21.1</c:v>
                </c:pt>
                <c:pt idx="419">
                  <c:v>21.9</c:v>
                </c:pt>
                <c:pt idx="420">
                  <c:v>22.4</c:v>
                </c:pt>
                <c:pt idx="421">
                  <c:v>22.9</c:v>
                </c:pt>
                <c:pt idx="422">
                  <c:v>23.2</c:v>
                </c:pt>
                <c:pt idx="423">
                  <c:v>23.5</c:v>
                </c:pt>
                <c:pt idx="424">
                  <c:v>23.7</c:v>
                </c:pt>
                <c:pt idx="425">
                  <c:v>23.5</c:v>
                </c:pt>
                <c:pt idx="426">
                  <c:v>23.5</c:v>
                </c:pt>
                <c:pt idx="427">
                  <c:v>23.7</c:v>
                </c:pt>
                <c:pt idx="428">
                  <c:v>23.2</c:v>
                </c:pt>
                <c:pt idx="429">
                  <c:v>22.5</c:v>
                </c:pt>
                <c:pt idx="430">
                  <c:v>22.5</c:v>
                </c:pt>
                <c:pt idx="431">
                  <c:v>21.7</c:v>
                </c:pt>
                <c:pt idx="432">
                  <c:v>21.3</c:v>
                </c:pt>
                <c:pt idx="433">
                  <c:v>21.1</c:v>
                </c:pt>
                <c:pt idx="434">
                  <c:v>19.8</c:v>
                </c:pt>
                <c:pt idx="435">
                  <c:v>19.3</c:v>
                </c:pt>
                <c:pt idx="436">
                  <c:v>19.5</c:v>
                </c:pt>
                <c:pt idx="437">
                  <c:v>19.8</c:v>
                </c:pt>
                <c:pt idx="438">
                  <c:v>20</c:v>
                </c:pt>
                <c:pt idx="439">
                  <c:v>20</c:v>
                </c:pt>
                <c:pt idx="440">
                  <c:v>20.100000000000001</c:v>
                </c:pt>
                <c:pt idx="441">
                  <c:v>20.5</c:v>
                </c:pt>
                <c:pt idx="442">
                  <c:v>20.6</c:v>
                </c:pt>
                <c:pt idx="443">
                  <c:v>20.3</c:v>
                </c:pt>
                <c:pt idx="444">
                  <c:v>20.8</c:v>
                </c:pt>
                <c:pt idx="445">
                  <c:v>21.3</c:v>
                </c:pt>
                <c:pt idx="446">
                  <c:v>21.9</c:v>
                </c:pt>
                <c:pt idx="447">
                  <c:v>22.5</c:v>
                </c:pt>
                <c:pt idx="448">
                  <c:v>22.7</c:v>
                </c:pt>
                <c:pt idx="449">
                  <c:v>22.4</c:v>
                </c:pt>
                <c:pt idx="450">
                  <c:v>22.4</c:v>
                </c:pt>
                <c:pt idx="451">
                  <c:v>22.5</c:v>
                </c:pt>
                <c:pt idx="452">
                  <c:v>20.9</c:v>
                </c:pt>
                <c:pt idx="453">
                  <c:v>20.100000000000001</c:v>
                </c:pt>
                <c:pt idx="454">
                  <c:v>19.7</c:v>
                </c:pt>
                <c:pt idx="455">
                  <c:v>19.2</c:v>
                </c:pt>
                <c:pt idx="456">
                  <c:v>18.7</c:v>
                </c:pt>
                <c:pt idx="457">
                  <c:v>18.100000000000001</c:v>
                </c:pt>
                <c:pt idx="458">
                  <c:v>15.8</c:v>
                </c:pt>
                <c:pt idx="459">
                  <c:v>15.2</c:v>
                </c:pt>
                <c:pt idx="460">
                  <c:v>14.7</c:v>
                </c:pt>
                <c:pt idx="461">
                  <c:v>14.9</c:v>
                </c:pt>
                <c:pt idx="462">
                  <c:v>15</c:v>
                </c:pt>
                <c:pt idx="463">
                  <c:v>15.2</c:v>
                </c:pt>
                <c:pt idx="464">
                  <c:v>15.3</c:v>
                </c:pt>
                <c:pt idx="465">
                  <c:v>15.7</c:v>
                </c:pt>
                <c:pt idx="466">
                  <c:v>16</c:v>
                </c:pt>
                <c:pt idx="467">
                  <c:v>16.3</c:v>
                </c:pt>
                <c:pt idx="468">
                  <c:v>16.5</c:v>
                </c:pt>
                <c:pt idx="469">
                  <c:v>16.899999999999999</c:v>
                </c:pt>
                <c:pt idx="470">
                  <c:v>17.3</c:v>
                </c:pt>
                <c:pt idx="471">
                  <c:v>17.7</c:v>
                </c:pt>
                <c:pt idx="472">
                  <c:v>17.899999999999999</c:v>
                </c:pt>
                <c:pt idx="473">
                  <c:v>17.899999999999999</c:v>
                </c:pt>
                <c:pt idx="474">
                  <c:v>17.7</c:v>
                </c:pt>
                <c:pt idx="475">
                  <c:v>17.7</c:v>
                </c:pt>
                <c:pt idx="476">
                  <c:v>16.600000000000001</c:v>
                </c:pt>
                <c:pt idx="477">
                  <c:v>16.3</c:v>
                </c:pt>
                <c:pt idx="478">
                  <c:v>15.7</c:v>
                </c:pt>
                <c:pt idx="479">
                  <c:v>15.3</c:v>
                </c:pt>
                <c:pt idx="480">
                  <c:v>14.7</c:v>
                </c:pt>
                <c:pt idx="481">
                  <c:v>14.9</c:v>
                </c:pt>
                <c:pt idx="482">
                  <c:v>14.4</c:v>
                </c:pt>
                <c:pt idx="483">
                  <c:v>14.5</c:v>
                </c:pt>
                <c:pt idx="484">
                  <c:v>14.9</c:v>
                </c:pt>
                <c:pt idx="485">
                  <c:v>15.3</c:v>
                </c:pt>
                <c:pt idx="486">
                  <c:v>15.3</c:v>
                </c:pt>
                <c:pt idx="487">
                  <c:v>15.7</c:v>
                </c:pt>
                <c:pt idx="488">
                  <c:v>16</c:v>
                </c:pt>
                <c:pt idx="489">
                  <c:v>16.5</c:v>
                </c:pt>
                <c:pt idx="490">
                  <c:v>16.600000000000001</c:v>
                </c:pt>
                <c:pt idx="491">
                  <c:v>16.899999999999999</c:v>
                </c:pt>
                <c:pt idx="492">
                  <c:v>17.399999999999999</c:v>
                </c:pt>
                <c:pt idx="493">
                  <c:v>17.7</c:v>
                </c:pt>
                <c:pt idx="494">
                  <c:v>18.2</c:v>
                </c:pt>
                <c:pt idx="495">
                  <c:v>18.5</c:v>
                </c:pt>
                <c:pt idx="496">
                  <c:v>18.7</c:v>
                </c:pt>
                <c:pt idx="497">
                  <c:v>18.899999999999999</c:v>
                </c:pt>
                <c:pt idx="498">
                  <c:v>18.5</c:v>
                </c:pt>
                <c:pt idx="499">
                  <c:v>17.899999999999999</c:v>
                </c:pt>
                <c:pt idx="500">
                  <c:v>17.399999999999999</c:v>
                </c:pt>
                <c:pt idx="501">
                  <c:v>17.3</c:v>
                </c:pt>
                <c:pt idx="502">
                  <c:v>16.899999999999999</c:v>
                </c:pt>
                <c:pt idx="503">
                  <c:v>15.7</c:v>
                </c:pt>
                <c:pt idx="504">
                  <c:v>15</c:v>
                </c:pt>
                <c:pt idx="505">
                  <c:v>14.4</c:v>
                </c:pt>
                <c:pt idx="506">
                  <c:v>14.1</c:v>
                </c:pt>
                <c:pt idx="507">
                  <c:v>13.9</c:v>
                </c:pt>
                <c:pt idx="508">
                  <c:v>13.9</c:v>
                </c:pt>
                <c:pt idx="509">
                  <c:v>14.1</c:v>
                </c:pt>
                <c:pt idx="510">
                  <c:v>14.2</c:v>
                </c:pt>
                <c:pt idx="511">
                  <c:v>14.4</c:v>
                </c:pt>
                <c:pt idx="512">
                  <c:v>14.5</c:v>
                </c:pt>
                <c:pt idx="513">
                  <c:v>14.7</c:v>
                </c:pt>
                <c:pt idx="514">
                  <c:v>14.9</c:v>
                </c:pt>
                <c:pt idx="515">
                  <c:v>15.2</c:v>
                </c:pt>
                <c:pt idx="516">
                  <c:v>15.3</c:v>
                </c:pt>
                <c:pt idx="517">
                  <c:v>15.5</c:v>
                </c:pt>
                <c:pt idx="518">
                  <c:v>16</c:v>
                </c:pt>
                <c:pt idx="519">
                  <c:v>16.600000000000001</c:v>
                </c:pt>
                <c:pt idx="520">
                  <c:v>16.8</c:v>
                </c:pt>
                <c:pt idx="521">
                  <c:v>16.5</c:v>
                </c:pt>
                <c:pt idx="522">
                  <c:v>16.3</c:v>
                </c:pt>
                <c:pt idx="523">
                  <c:v>15.5</c:v>
                </c:pt>
                <c:pt idx="524">
                  <c:v>15</c:v>
                </c:pt>
                <c:pt idx="525">
                  <c:v>14.4</c:v>
                </c:pt>
                <c:pt idx="526">
                  <c:v>14.5</c:v>
                </c:pt>
                <c:pt idx="527">
                  <c:v>14.4</c:v>
                </c:pt>
                <c:pt idx="528">
                  <c:v>14.2</c:v>
                </c:pt>
                <c:pt idx="529">
                  <c:v>14.1</c:v>
                </c:pt>
                <c:pt idx="530">
                  <c:v>13.9</c:v>
                </c:pt>
                <c:pt idx="531">
                  <c:v>13.6</c:v>
                </c:pt>
                <c:pt idx="532">
                  <c:v>13.4</c:v>
                </c:pt>
                <c:pt idx="533">
                  <c:v>13.4</c:v>
                </c:pt>
                <c:pt idx="534">
                  <c:v>13.6</c:v>
                </c:pt>
                <c:pt idx="535">
                  <c:v>13.7</c:v>
                </c:pt>
                <c:pt idx="536">
                  <c:v>13.7</c:v>
                </c:pt>
                <c:pt idx="537">
                  <c:v>13.9</c:v>
                </c:pt>
                <c:pt idx="538">
                  <c:v>14.4</c:v>
                </c:pt>
                <c:pt idx="539">
                  <c:v>14.5</c:v>
                </c:pt>
                <c:pt idx="540">
                  <c:v>14.7</c:v>
                </c:pt>
                <c:pt idx="541">
                  <c:v>14.7</c:v>
                </c:pt>
                <c:pt idx="542">
                  <c:v>14.9</c:v>
                </c:pt>
                <c:pt idx="543">
                  <c:v>15</c:v>
                </c:pt>
                <c:pt idx="544">
                  <c:v>15.3</c:v>
                </c:pt>
                <c:pt idx="545">
                  <c:v>15.5</c:v>
                </c:pt>
                <c:pt idx="546">
                  <c:v>15.7</c:v>
                </c:pt>
                <c:pt idx="547">
                  <c:v>15.7</c:v>
                </c:pt>
                <c:pt idx="548">
                  <c:v>15.7</c:v>
                </c:pt>
                <c:pt idx="549">
                  <c:v>15.8</c:v>
                </c:pt>
                <c:pt idx="550">
                  <c:v>16</c:v>
                </c:pt>
                <c:pt idx="551">
                  <c:v>16</c:v>
                </c:pt>
                <c:pt idx="552">
                  <c:v>16.100000000000001</c:v>
                </c:pt>
                <c:pt idx="553">
                  <c:v>16.3</c:v>
                </c:pt>
                <c:pt idx="554">
                  <c:v>16</c:v>
                </c:pt>
                <c:pt idx="555">
                  <c:v>16</c:v>
                </c:pt>
                <c:pt idx="556">
                  <c:v>16</c:v>
                </c:pt>
                <c:pt idx="557">
                  <c:v>16</c:v>
                </c:pt>
                <c:pt idx="558">
                  <c:v>16</c:v>
                </c:pt>
                <c:pt idx="559">
                  <c:v>15.8</c:v>
                </c:pt>
                <c:pt idx="560">
                  <c:v>16</c:v>
                </c:pt>
                <c:pt idx="561">
                  <c:v>16.100000000000001</c:v>
                </c:pt>
                <c:pt idx="562">
                  <c:v>16.3</c:v>
                </c:pt>
                <c:pt idx="563">
                  <c:v>16.100000000000001</c:v>
                </c:pt>
                <c:pt idx="564">
                  <c:v>16.100000000000001</c:v>
                </c:pt>
                <c:pt idx="565">
                  <c:v>16.3</c:v>
                </c:pt>
                <c:pt idx="566">
                  <c:v>16.5</c:v>
                </c:pt>
                <c:pt idx="567">
                  <c:v>16.5</c:v>
                </c:pt>
                <c:pt idx="568">
                  <c:v>16.600000000000001</c:v>
                </c:pt>
                <c:pt idx="569">
                  <c:v>16.600000000000001</c:v>
                </c:pt>
                <c:pt idx="570">
                  <c:v>16.5</c:v>
                </c:pt>
                <c:pt idx="571">
                  <c:v>16.5</c:v>
                </c:pt>
                <c:pt idx="572">
                  <c:v>16.100000000000001</c:v>
                </c:pt>
                <c:pt idx="573">
                  <c:v>16</c:v>
                </c:pt>
                <c:pt idx="574">
                  <c:v>16</c:v>
                </c:pt>
                <c:pt idx="575">
                  <c:v>15.7</c:v>
                </c:pt>
                <c:pt idx="576">
                  <c:v>15.3</c:v>
                </c:pt>
                <c:pt idx="577">
                  <c:v>15</c:v>
                </c:pt>
                <c:pt idx="578">
                  <c:v>14.7</c:v>
                </c:pt>
                <c:pt idx="579">
                  <c:v>14.5</c:v>
                </c:pt>
                <c:pt idx="580">
                  <c:v>14.2</c:v>
                </c:pt>
                <c:pt idx="581">
                  <c:v>14.4</c:v>
                </c:pt>
                <c:pt idx="582">
                  <c:v>14.4</c:v>
                </c:pt>
                <c:pt idx="583">
                  <c:v>14.7</c:v>
                </c:pt>
                <c:pt idx="584">
                  <c:v>15.2</c:v>
                </c:pt>
                <c:pt idx="585">
                  <c:v>15</c:v>
                </c:pt>
                <c:pt idx="586">
                  <c:v>17.3</c:v>
                </c:pt>
                <c:pt idx="587">
                  <c:v>17.3</c:v>
                </c:pt>
                <c:pt idx="588">
                  <c:v>17.3</c:v>
                </c:pt>
                <c:pt idx="589">
                  <c:v>17.3</c:v>
                </c:pt>
                <c:pt idx="590">
                  <c:v>17.3</c:v>
                </c:pt>
                <c:pt idx="591">
                  <c:v>15.8</c:v>
                </c:pt>
                <c:pt idx="592">
                  <c:v>16.3</c:v>
                </c:pt>
                <c:pt idx="593">
                  <c:v>17.3</c:v>
                </c:pt>
                <c:pt idx="594">
                  <c:v>16.3</c:v>
                </c:pt>
                <c:pt idx="595">
                  <c:v>16</c:v>
                </c:pt>
                <c:pt idx="596">
                  <c:v>16</c:v>
                </c:pt>
                <c:pt idx="597">
                  <c:v>16.8</c:v>
                </c:pt>
                <c:pt idx="598">
                  <c:v>17.100000000000001</c:v>
                </c:pt>
                <c:pt idx="599">
                  <c:v>16.899999999999999</c:v>
                </c:pt>
                <c:pt idx="600">
                  <c:v>16.600000000000001</c:v>
                </c:pt>
                <c:pt idx="601">
                  <c:v>16.600000000000001</c:v>
                </c:pt>
                <c:pt idx="602">
                  <c:v>17.100000000000001</c:v>
                </c:pt>
                <c:pt idx="603">
                  <c:v>17.399999999999999</c:v>
                </c:pt>
                <c:pt idx="604">
                  <c:v>18.2</c:v>
                </c:pt>
                <c:pt idx="605">
                  <c:v>19.2</c:v>
                </c:pt>
                <c:pt idx="606">
                  <c:v>18.5</c:v>
                </c:pt>
                <c:pt idx="607">
                  <c:v>20.5</c:v>
                </c:pt>
                <c:pt idx="608">
                  <c:v>20.8</c:v>
                </c:pt>
                <c:pt idx="609">
                  <c:v>20.9</c:v>
                </c:pt>
                <c:pt idx="610">
                  <c:v>21.4</c:v>
                </c:pt>
                <c:pt idx="611">
                  <c:v>22.1</c:v>
                </c:pt>
                <c:pt idx="612">
                  <c:v>22.5</c:v>
                </c:pt>
                <c:pt idx="613">
                  <c:v>22.7</c:v>
                </c:pt>
                <c:pt idx="614">
                  <c:v>22.9</c:v>
                </c:pt>
                <c:pt idx="615">
                  <c:v>22.7</c:v>
                </c:pt>
                <c:pt idx="616">
                  <c:v>22.5</c:v>
                </c:pt>
                <c:pt idx="617">
                  <c:v>22.7</c:v>
                </c:pt>
                <c:pt idx="618">
                  <c:v>22.7</c:v>
                </c:pt>
                <c:pt idx="619">
                  <c:v>21.9</c:v>
                </c:pt>
                <c:pt idx="620">
                  <c:v>20.6</c:v>
                </c:pt>
                <c:pt idx="621">
                  <c:v>20.5</c:v>
                </c:pt>
                <c:pt idx="622">
                  <c:v>20.5</c:v>
                </c:pt>
                <c:pt idx="623">
                  <c:v>18.5</c:v>
                </c:pt>
                <c:pt idx="624">
                  <c:v>17.7</c:v>
                </c:pt>
                <c:pt idx="625">
                  <c:v>17.899999999999999</c:v>
                </c:pt>
                <c:pt idx="626">
                  <c:v>18.2</c:v>
                </c:pt>
                <c:pt idx="627">
                  <c:v>18.899999999999999</c:v>
                </c:pt>
                <c:pt idx="628">
                  <c:v>19.2</c:v>
                </c:pt>
                <c:pt idx="629">
                  <c:v>19.7</c:v>
                </c:pt>
                <c:pt idx="630">
                  <c:v>20.100000000000001</c:v>
                </c:pt>
                <c:pt idx="631">
                  <c:v>20.5</c:v>
                </c:pt>
                <c:pt idx="632">
                  <c:v>20.9</c:v>
                </c:pt>
                <c:pt idx="633">
                  <c:v>21.4</c:v>
                </c:pt>
                <c:pt idx="634">
                  <c:v>21.9</c:v>
                </c:pt>
                <c:pt idx="635">
                  <c:v>22.5</c:v>
                </c:pt>
                <c:pt idx="636">
                  <c:v>23.2</c:v>
                </c:pt>
                <c:pt idx="637">
                  <c:v>23.3</c:v>
                </c:pt>
                <c:pt idx="638">
                  <c:v>23.3</c:v>
                </c:pt>
                <c:pt idx="639">
                  <c:v>23.8</c:v>
                </c:pt>
                <c:pt idx="640">
                  <c:v>23.7</c:v>
                </c:pt>
                <c:pt idx="641">
                  <c:v>21.1</c:v>
                </c:pt>
                <c:pt idx="642">
                  <c:v>20.5</c:v>
                </c:pt>
                <c:pt idx="643">
                  <c:v>19</c:v>
                </c:pt>
                <c:pt idx="644">
                  <c:v>18.399999999999999</c:v>
                </c:pt>
                <c:pt idx="645">
                  <c:v>16.899999999999999</c:v>
                </c:pt>
                <c:pt idx="646">
                  <c:v>16.8</c:v>
                </c:pt>
                <c:pt idx="647">
                  <c:v>15.2</c:v>
                </c:pt>
                <c:pt idx="648">
                  <c:v>14.5</c:v>
                </c:pt>
                <c:pt idx="649">
                  <c:v>14.9</c:v>
                </c:pt>
                <c:pt idx="650">
                  <c:v>15.2</c:v>
                </c:pt>
                <c:pt idx="651">
                  <c:v>15.5</c:v>
                </c:pt>
                <c:pt idx="652">
                  <c:v>15.7</c:v>
                </c:pt>
                <c:pt idx="653">
                  <c:v>16</c:v>
                </c:pt>
                <c:pt idx="654">
                  <c:v>16.3</c:v>
                </c:pt>
                <c:pt idx="655">
                  <c:v>16.8</c:v>
                </c:pt>
                <c:pt idx="656">
                  <c:v>17.100000000000001</c:v>
                </c:pt>
                <c:pt idx="657">
                  <c:v>17.3</c:v>
                </c:pt>
                <c:pt idx="658">
                  <c:v>17.600000000000001</c:v>
                </c:pt>
                <c:pt idx="659">
                  <c:v>18.2</c:v>
                </c:pt>
                <c:pt idx="660">
                  <c:v>19.2</c:v>
                </c:pt>
                <c:pt idx="661">
                  <c:v>19.3</c:v>
                </c:pt>
                <c:pt idx="662">
                  <c:v>19.7</c:v>
                </c:pt>
                <c:pt idx="663">
                  <c:v>19.8</c:v>
                </c:pt>
                <c:pt idx="664">
                  <c:v>19.5</c:v>
                </c:pt>
                <c:pt idx="665">
                  <c:v>19</c:v>
                </c:pt>
                <c:pt idx="666">
                  <c:v>18.5</c:v>
                </c:pt>
                <c:pt idx="667">
                  <c:v>18.5</c:v>
                </c:pt>
                <c:pt idx="668">
                  <c:v>16.3</c:v>
                </c:pt>
                <c:pt idx="669">
                  <c:v>15.8</c:v>
                </c:pt>
                <c:pt idx="670">
                  <c:v>15.2</c:v>
                </c:pt>
                <c:pt idx="671">
                  <c:v>14.7</c:v>
                </c:pt>
                <c:pt idx="672">
                  <c:v>14.7</c:v>
                </c:pt>
                <c:pt idx="673">
                  <c:v>15</c:v>
                </c:pt>
                <c:pt idx="674">
                  <c:v>15.2</c:v>
                </c:pt>
                <c:pt idx="675">
                  <c:v>15.5</c:v>
                </c:pt>
                <c:pt idx="676">
                  <c:v>15.8</c:v>
                </c:pt>
                <c:pt idx="677">
                  <c:v>16</c:v>
                </c:pt>
                <c:pt idx="678">
                  <c:v>16.5</c:v>
                </c:pt>
                <c:pt idx="679">
                  <c:v>16.600000000000001</c:v>
                </c:pt>
                <c:pt idx="680">
                  <c:v>16.8</c:v>
                </c:pt>
                <c:pt idx="681">
                  <c:v>16.899999999999999</c:v>
                </c:pt>
                <c:pt idx="682">
                  <c:v>17.3</c:v>
                </c:pt>
                <c:pt idx="683">
                  <c:v>17.7</c:v>
                </c:pt>
                <c:pt idx="684">
                  <c:v>18.100000000000001</c:v>
                </c:pt>
                <c:pt idx="685">
                  <c:v>18.5</c:v>
                </c:pt>
                <c:pt idx="686">
                  <c:v>19.2</c:v>
                </c:pt>
                <c:pt idx="687">
                  <c:v>14.7</c:v>
                </c:pt>
                <c:pt idx="688">
                  <c:v>12.5</c:v>
                </c:pt>
                <c:pt idx="689">
                  <c:v>11.2</c:v>
                </c:pt>
                <c:pt idx="690">
                  <c:v>11.3</c:v>
                </c:pt>
                <c:pt idx="691">
                  <c:v>11.8</c:v>
                </c:pt>
                <c:pt idx="692">
                  <c:v>12.1</c:v>
                </c:pt>
                <c:pt idx="693">
                  <c:v>12.8</c:v>
                </c:pt>
                <c:pt idx="694">
                  <c:v>12.9</c:v>
                </c:pt>
                <c:pt idx="695">
                  <c:v>13.6</c:v>
                </c:pt>
                <c:pt idx="696">
                  <c:v>14.9</c:v>
                </c:pt>
                <c:pt idx="697">
                  <c:v>14.7</c:v>
                </c:pt>
                <c:pt idx="698">
                  <c:v>14.5</c:v>
                </c:pt>
                <c:pt idx="699">
                  <c:v>14.2</c:v>
                </c:pt>
                <c:pt idx="700">
                  <c:v>14.5</c:v>
                </c:pt>
                <c:pt idx="701">
                  <c:v>13.9</c:v>
                </c:pt>
                <c:pt idx="702">
                  <c:v>13.1</c:v>
                </c:pt>
                <c:pt idx="703">
                  <c:v>12.6</c:v>
                </c:pt>
                <c:pt idx="704">
                  <c:v>12</c:v>
                </c:pt>
                <c:pt idx="705">
                  <c:v>11.7</c:v>
                </c:pt>
                <c:pt idx="706">
                  <c:v>11.3</c:v>
                </c:pt>
                <c:pt idx="707">
                  <c:v>11.2</c:v>
                </c:pt>
                <c:pt idx="708">
                  <c:v>11.2</c:v>
                </c:pt>
                <c:pt idx="709">
                  <c:v>11</c:v>
                </c:pt>
                <c:pt idx="710">
                  <c:v>11</c:v>
                </c:pt>
                <c:pt idx="711">
                  <c:v>11</c:v>
                </c:pt>
                <c:pt idx="712">
                  <c:v>11.2</c:v>
                </c:pt>
                <c:pt idx="713">
                  <c:v>11.5</c:v>
                </c:pt>
                <c:pt idx="714">
                  <c:v>12.1</c:v>
                </c:pt>
                <c:pt idx="715">
                  <c:v>12.3</c:v>
                </c:pt>
                <c:pt idx="716">
                  <c:v>12.8</c:v>
                </c:pt>
                <c:pt idx="717">
                  <c:v>12.9</c:v>
                </c:pt>
                <c:pt idx="718">
                  <c:v>12.8</c:v>
                </c:pt>
                <c:pt idx="719">
                  <c:v>12.6</c:v>
                </c:pt>
                <c:pt idx="720">
                  <c:v>12.3</c:v>
                </c:pt>
                <c:pt idx="721">
                  <c:v>11.8</c:v>
                </c:pt>
                <c:pt idx="722">
                  <c:v>11.7</c:v>
                </c:pt>
                <c:pt idx="723">
                  <c:v>11.2</c:v>
                </c:pt>
                <c:pt idx="724">
                  <c:v>10.4</c:v>
                </c:pt>
                <c:pt idx="725">
                  <c:v>10.5</c:v>
                </c:pt>
                <c:pt idx="726">
                  <c:v>10.9</c:v>
                </c:pt>
                <c:pt idx="727">
                  <c:v>10.9</c:v>
                </c:pt>
                <c:pt idx="728">
                  <c:v>11</c:v>
                </c:pt>
                <c:pt idx="729">
                  <c:v>11.3</c:v>
                </c:pt>
                <c:pt idx="730">
                  <c:v>11.8</c:v>
                </c:pt>
                <c:pt idx="731">
                  <c:v>12.1</c:v>
                </c:pt>
                <c:pt idx="732">
                  <c:v>12.6</c:v>
                </c:pt>
                <c:pt idx="733">
                  <c:v>13.3</c:v>
                </c:pt>
                <c:pt idx="734">
                  <c:v>12.9</c:v>
                </c:pt>
                <c:pt idx="735">
                  <c:v>12.3</c:v>
                </c:pt>
                <c:pt idx="736">
                  <c:v>12.1</c:v>
                </c:pt>
                <c:pt idx="737">
                  <c:v>11.5</c:v>
                </c:pt>
                <c:pt idx="738">
                  <c:v>11</c:v>
                </c:pt>
                <c:pt idx="739">
                  <c:v>10.7</c:v>
                </c:pt>
                <c:pt idx="740">
                  <c:v>10.199999999999999</c:v>
                </c:pt>
                <c:pt idx="741">
                  <c:v>10.4</c:v>
                </c:pt>
                <c:pt idx="742">
                  <c:v>10.7</c:v>
                </c:pt>
                <c:pt idx="743">
                  <c:v>10.9</c:v>
                </c:pt>
                <c:pt idx="744">
                  <c:v>11</c:v>
                </c:pt>
                <c:pt idx="745">
                  <c:v>11.3</c:v>
                </c:pt>
                <c:pt idx="746">
                  <c:v>11.5</c:v>
                </c:pt>
                <c:pt idx="747">
                  <c:v>11.7</c:v>
                </c:pt>
                <c:pt idx="748">
                  <c:v>11.8</c:v>
                </c:pt>
                <c:pt idx="749">
                  <c:v>12.1</c:v>
                </c:pt>
                <c:pt idx="750">
                  <c:v>12.1</c:v>
                </c:pt>
                <c:pt idx="751">
                  <c:v>12.5</c:v>
                </c:pt>
                <c:pt idx="752">
                  <c:v>12.5</c:v>
                </c:pt>
                <c:pt idx="753">
                  <c:v>12.5</c:v>
                </c:pt>
                <c:pt idx="754">
                  <c:v>12.1</c:v>
                </c:pt>
                <c:pt idx="755">
                  <c:v>12.1</c:v>
                </c:pt>
                <c:pt idx="756">
                  <c:v>12.3</c:v>
                </c:pt>
                <c:pt idx="757">
                  <c:v>12.6</c:v>
                </c:pt>
                <c:pt idx="758">
                  <c:v>12.9</c:v>
                </c:pt>
                <c:pt idx="759">
                  <c:v>13.9</c:v>
                </c:pt>
                <c:pt idx="760">
                  <c:v>14.5</c:v>
                </c:pt>
                <c:pt idx="761">
                  <c:v>15.5</c:v>
                </c:pt>
                <c:pt idx="762">
                  <c:v>15.2</c:v>
                </c:pt>
                <c:pt idx="763">
                  <c:v>15.8</c:v>
                </c:pt>
                <c:pt idx="764">
                  <c:v>16</c:v>
                </c:pt>
                <c:pt idx="765">
                  <c:v>15.3</c:v>
                </c:pt>
                <c:pt idx="766">
                  <c:v>14.7</c:v>
                </c:pt>
                <c:pt idx="767">
                  <c:v>15</c:v>
                </c:pt>
                <c:pt idx="768">
                  <c:v>16.5</c:v>
                </c:pt>
                <c:pt idx="769">
                  <c:v>16.8</c:v>
                </c:pt>
                <c:pt idx="770">
                  <c:v>13.1</c:v>
                </c:pt>
                <c:pt idx="771">
                  <c:v>12.9</c:v>
                </c:pt>
                <c:pt idx="772">
                  <c:v>12.5</c:v>
                </c:pt>
                <c:pt idx="773">
                  <c:v>12.1</c:v>
                </c:pt>
                <c:pt idx="774">
                  <c:v>11.3</c:v>
                </c:pt>
                <c:pt idx="775">
                  <c:v>10.4</c:v>
                </c:pt>
                <c:pt idx="776">
                  <c:v>10.199999999999999</c:v>
                </c:pt>
                <c:pt idx="777">
                  <c:v>10.199999999999999</c:v>
                </c:pt>
                <c:pt idx="778">
                  <c:v>10.1</c:v>
                </c:pt>
                <c:pt idx="779">
                  <c:v>10.4</c:v>
                </c:pt>
                <c:pt idx="780">
                  <c:v>10.7</c:v>
                </c:pt>
                <c:pt idx="781">
                  <c:v>10.7</c:v>
                </c:pt>
                <c:pt idx="782">
                  <c:v>10.7</c:v>
                </c:pt>
                <c:pt idx="783">
                  <c:v>11</c:v>
                </c:pt>
                <c:pt idx="784">
                  <c:v>11.2</c:v>
                </c:pt>
                <c:pt idx="785">
                  <c:v>11.7</c:v>
                </c:pt>
                <c:pt idx="786">
                  <c:v>12.5</c:v>
                </c:pt>
                <c:pt idx="787">
                  <c:v>13.1</c:v>
                </c:pt>
                <c:pt idx="788">
                  <c:v>13.7</c:v>
                </c:pt>
                <c:pt idx="789">
                  <c:v>13.6</c:v>
                </c:pt>
                <c:pt idx="790">
                  <c:v>13.4</c:v>
                </c:pt>
                <c:pt idx="791">
                  <c:v>12.9</c:v>
                </c:pt>
                <c:pt idx="792">
                  <c:v>12.8</c:v>
                </c:pt>
                <c:pt idx="793">
                  <c:v>11.8</c:v>
                </c:pt>
                <c:pt idx="794">
                  <c:v>11.5</c:v>
                </c:pt>
                <c:pt idx="795">
                  <c:v>12.6</c:v>
                </c:pt>
                <c:pt idx="796">
                  <c:v>13.4</c:v>
                </c:pt>
                <c:pt idx="797">
                  <c:v>13.9</c:v>
                </c:pt>
                <c:pt idx="798">
                  <c:v>14.1</c:v>
                </c:pt>
                <c:pt idx="799">
                  <c:v>14.5</c:v>
                </c:pt>
                <c:pt idx="800">
                  <c:v>14.7</c:v>
                </c:pt>
                <c:pt idx="801">
                  <c:v>15</c:v>
                </c:pt>
                <c:pt idx="802">
                  <c:v>15.3</c:v>
                </c:pt>
                <c:pt idx="803">
                  <c:v>16</c:v>
                </c:pt>
                <c:pt idx="804">
                  <c:v>16.100000000000001</c:v>
                </c:pt>
                <c:pt idx="805">
                  <c:v>15.8</c:v>
                </c:pt>
                <c:pt idx="806">
                  <c:v>15.7</c:v>
                </c:pt>
                <c:pt idx="807">
                  <c:v>15.3</c:v>
                </c:pt>
                <c:pt idx="808">
                  <c:v>13.6</c:v>
                </c:pt>
                <c:pt idx="809">
                  <c:v>12.8</c:v>
                </c:pt>
                <c:pt idx="810">
                  <c:v>12.6</c:v>
                </c:pt>
                <c:pt idx="811">
                  <c:v>12.9</c:v>
                </c:pt>
                <c:pt idx="812">
                  <c:v>14.2</c:v>
                </c:pt>
                <c:pt idx="813">
                  <c:v>14.9</c:v>
                </c:pt>
                <c:pt idx="814">
                  <c:v>15</c:v>
                </c:pt>
                <c:pt idx="815">
                  <c:v>15.2</c:v>
                </c:pt>
                <c:pt idx="816">
                  <c:v>15.3</c:v>
                </c:pt>
                <c:pt idx="817">
                  <c:v>15.7</c:v>
                </c:pt>
                <c:pt idx="818">
                  <c:v>16</c:v>
                </c:pt>
                <c:pt idx="819">
                  <c:v>17.100000000000001</c:v>
                </c:pt>
                <c:pt idx="820">
                  <c:v>17.399999999999999</c:v>
                </c:pt>
                <c:pt idx="821">
                  <c:v>17.399999999999999</c:v>
                </c:pt>
                <c:pt idx="822">
                  <c:v>17.899999999999999</c:v>
                </c:pt>
                <c:pt idx="823">
                  <c:v>17.100000000000001</c:v>
                </c:pt>
                <c:pt idx="824">
                  <c:v>15.2</c:v>
                </c:pt>
                <c:pt idx="825">
                  <c:v>14.9</c:v>
                </c:pt>
                <c:pt idx="826">
                  <c:v>14.5</c:v>
                </c:pt>
                <c:pt idx="827">
                  <c:v>11.3</c:v>
                </c:pt>
                <c:pt idx="828">
                  <c:v>11.8</c:v>
                </c:pt>
                <c:pt idx="829">
                  <c:v>12.3</c:v>
                </c:pt>
                <c:pt idx="830">
                  <c:v>12.5</c:v>
                </c:pt>
                <c:pt idx="831">
                  <c:v>12.8</c:v>
                </c:pt>
                <c:pt idx="832">
                  <c:v>12.5</c:v>
                </c:pt>
                <c:pt idx="833">
                  <c:v>11.7</c:v>
                </c:pt>
                <c:pt idx="834">
                  <c:v>11.3</c:v>
                </c:pt>
                <c:pt idx="835">
                  <c:v>11.2</c:v>
                </c:pt>
                <c:pt idx="836">
                  <c:v>10.5</c:v>
                </c:pt>
                <c:pt idx="837">
                  <c:v>9.6999999999999993</c:v>
                </c:pt>
                <c:pt idx="838">
                  <c:v>8.9</c:v>
                </c:pt>
                <c:pt idx="839">
                  <c:v>8.6</c:v>
                </c:pt>
                <c:pt idx="840">
                  <c:v>8</c:v>
                </c:pt>
                <c:pt idx="841">
                  <c:v>7.2</c:v>
                </c:pt>
                <c:pt idx="842">
                  <c:v>7.3</c:v>
                </c:pt>
                <c:pt idx="843">
                  <c:v>7.5</c:v>
                </c:pt>
                <c:pt idx="844">
                  <c:v>7.7</c:v>
                </c:pt>
                <c:pt idx="845">
                  <c:v>8</c:v>
                </c:pt>
                <c:pt idx="846">
                  <c:v>8.3000000000000007</c:v>
                </c:pt>
                <c:pt idx="847">
                  <c:v>8.6</c:v>
                </c:pt>
                <c:pt idx="848">
                  <c:v>9.3000000000000007</c:v>
                </c:pt>
                <c:pt idx="849">
                  <c:v>9.6</c:v>
                </c:pt>
                <c:pt idx="850">
                  <c:v>9.6999999999999993</c:v>
                </c:pt>
                <c:pt idx="851">
                  <c:v>10.4</c:v>
                </c:pt>
                <c:pt idx="852">
                  <c:v>10.4</c:v>
                </c:pt>
                <c:pt idx="853">
                  <c:v>9.9</c:v>
                </c:pt>
                <c:pt idx="854">
                  <c:v>8.8000000000000007</c:v>
                </c:pt>
                <c:pt idx="855">
                  <c:v>8.6</c:v>
                </c:pt>
                <c:pt idx="856">
                  <c:v>8.6</c:v>
                </c:pt>
                <c:pt idx="857">
                  <c:v>8.5</c:v>
                </c:pt>
                <c:pt idx="858">
                  <c:v>8.5</c:v>
                </c:pt>
                <c:pt idx="859">
                  <c:v>7.8</c:v>
                </c:pt>
                <c:pt idx="860">
                  <c:v>7.8</c:v>
                </c:pt>
                <c:pt idx="861">
                  <c:v>7.5</c:v>
                </c:pt>
                <c:pt idx="862">
                  <c:v>7.2</c:v>
                </c:pt>
                <c:pt idx="863">
                  <c:v>6.9</c:v>
                </c:pt>
                <c:pt idx="864">
                  <c:v>6.4</c:v>
                </c:pt>
                <c:pt idx="865">
                  <c:v>6.4</c:v>
                </c:pt>
                <c:pt idx="866">
                  <c:v>6.5</c:v>
                </c:pt>
                <c:pt idx="867">
                  <c:v>6.7</c:v>
                </c:pt>
                <c:pt idx="868">
                  <c:v>6.7</c:v>
                </c:pt>
                <c:pt idx="869">
                  <c:v>7</c:v>
                </c:pt>
                <c:pt idx="870">
                  <c:v>7.2</c:v>
                </c:pt>
                <c:pt idx="871">
                  <c:v>7</c:v>
                </c:pt>
                <c:pt idx="872">
                  <c:v>6.9</c:v>
                </c:pt>
                <c:pt idx="873">
                  <c:v>6.4</c:v>
                </c:pt>
                <c:pt idx="874">
                  <c:v>7.2</c:v>
                </c:pt>
                <c:pt idx="875">
                  <c:v>7</c:v>
                </c:pt>
                <c:pt idx="876">
                  <c:v>6.7</c:v>
                </c:pt>
                <c:pt idx="877">
                  <c:v>6.5</c:v>
                </c:pt>
                <c:pt idx="878">
                  <c:v>6.1</c:v>
                </c:pt>
                <c:pt idx="879">
                  <c:v>6.5</c:v>
                </c:pt>
                <c:pt idx="880">
                  <c:v>6.7</c:v>
                </c:pt>
                <c:pt idx="881">
                  <c:v>6.9</c:v>
                </c:pt>
                <c:pt idx="882">
                  <c:v>7.5</c:v>
                </c:pt>
                <c:pt idx="883">
                  <c:v>7.8</c:v>
                </c:pt>
                <c:pt idx="884">
                  <c:v>8.1</c:v>
                </c:pt>
                <c:pt idx="885">
                  <c:v>8.5</c:v>
                </c:pt>
                <c:pt idx="886">
                  <c:v>8.9</c:v>
                </c:pt>
                <c:pt idx="887">
                  <c:v>9.3000000000000007</c:v>
                </c:pt>
                <c:pt idx="888">
                  <c:v>9.4</c:v>
                </c:pt>
                <c:pt idx="889">
                  <c:v>9.6999999999999993</c:v>
                </c:pt>
                <c:pt idx="890">
                  <c:v>9.9</c:v>
                </c:pt>
                <c:pt idx="891">
                  <c:v>10.5</c:v>
                </c:pt>
                <c:pt idx="892">
                  <c:v>10.5</c:v>
                </c:pt>
                <c:pt idx="893">
                  <c:v>10.4</c:v>
                </c:pt>
                <c:pt idx="894">
                  <c:v>10.4</c:v>
                </c:pt>
                <c:pt idx="895">
                  <c:v>10.4</c:v>
                </c:pt>
                <c:pt idx="896">
                  <c:v>10.4</c:v>
                </c:pt>
                <c:pt idx="897">
                  <c:v>10.9</c:v>
                </c:pt>
                <c:pt idx="898">
                  <c:v>11.5</c:v>
                </c:pt>
                <c:pt idx="899">
                  <c:v>11.5</c:v>
                </c:pt>
                <c:pt idx="900">
                  <c:v>11.8</c:v>
                </c:pt>
                <c:pt idx="901">
                  <c:v>12</c:v>
                </c:pt>
                <c:pt idx="902">
                  <c:v>12.3</c:v>
                </c:pt>
                <c:pt idx="903">
                  <c:v>12.5</c:v>
                </c:pt>
                <c:pt idx="904">
                  <c:v>12.8</c:v>
                </c:pt>
                <c:pt idx="905">
                  <c:v>12.8</c:v>
                </c:pt>
                <c:pt idx="906">
                  <c:v>12.8</c:v>
                </c:pt>
                <c:pt idx="907">
                  <c:v>12.5</c:v>
                </c:pt>
                <c:pt idx="908">
                  <c:v>13.7</c:v>
                </c:pt>
                <c:pt idx="909">
                  <c:v>13.6</c:v>
                </c:pt>
                <c:pt idx="910">
                  <c:v>15.7</c:v>
                </c:pt>
                <c:pt idx="911">
                  <c:v>17.399999999999999</c:v>
                </c:pt>
                <c:pt idx="912">
                  <c:v>17.899999999999999</c:v>
                </c:pt>
                <c:pt idx="913">
                  <c:v>17.7</c:v>
                </c:pt>
                <c:pt idx="914">
                  <c:v>10.5</c:v>
                </c:pt>
                <c:pt idx="915">
                  <c:v>10.199999999999999</c:v>
                </c:pt>
                <c:pt idx="916">
                  <c:v>10.199999999999999</c:v>
                </c:pt>
                <c:pt idx="917">
                  <c:v>10.199999999999999</c:v>
                </c:pt>
                <c:pt idx="918">
                  <c:v>10.7</c:v>
                </c:pt>
                <c:pt idx="919">
                  <c:v>10.7</c:v>
                </c:pt>
                <c:pt idx="920">
                  <c:v>10.5</c:v>
                </c:pt>
                <c:pt idx="921">
                  <c:v>10.4</c:v>
                </c:pt>
                <c:pt idx="922">
                  <c:v>10.4</c:v>
                </c:pt>
                <c:pt idx="923">
                  <c:v>10.4</c:v>
                </c:pt>
                <c:pt idx="924">
                  <c:v>10.4</c:v>
                </c:pt>
                <c:pt idx="925">
                  <c:v>9.9</c:v>
                </c:pt>
                <c:pt idx="926">
                  <c:v>8.6</c:v>
                </c:pt>
                <c:pt idx="927">
                  <c:v>8.3000000000000007</c:v>
                </c:pt>
                <c:pt idx="928">
                  <c:v>8.1</c:v>
                </c:pt>
                <c:pt idx="929">
                  <c:v>8.1</c:v>
                </c:pt>
                <c:pt idx="930">
                  <c:v>8.3000000000000007</c:v>
                </c:pt>
                <c:pt idx="931">
                  <c:v>8.1</c:v>
                </c:pt>
                <c:pt idx="932">
                  <c:v>8.5</c:v>
                </c:pt>
                <c:pt idx="933">
                  <c:v>8.6</c:v>
                </c:pt>
                <c:pt idx="934">
                  <c:v>9.1</c:v>
                </c:pt>
                <c:pt idx="935">
                  <c:v>9.6</c:v>
                </c:pt>
                <c:pt idx="936">
                  <c:v>10.1</c:v>
                </c:pt>
                <c:pt idx="937">
                  <c:v>11.2</c:v>
                </c:pt>
                <c:pt idx="938">
                  <c:v>20.5</c:v>
                </c:pt>
                <c:pt idx="939">
                  <c:v>21.6</c:v>
                </c:pt>
                <c:pt idx="940">
                  <c:v>20.3</c:v>
                </c:pt>
                <c:pt idx="941">
                  <c:v>18.899999999999999</c:v>
                </c:pt>
                <c:pt idx="942">
                  <c:v>17.7</c:v>
                </c:pt>
                <c:pt idx="943">
                  <c:v>16.899999999999999</c:v>
                </c:pt>
                <c:pt idx="944">
                  <c:v>17.100000000000001</c:v>
                </c:pt>
                <c:pt idx="945">
                  <c:v>17.100000000000001</c:v>
                </c:pt>
                <c:pt idx="946">
                  <c:v>17.399999999999999</c:v>
                </c:pt>
                <c:pt idx="947">
                  <c:v>17.7</c:v>
                </c:pt>
                <c:pt idx="948">
                  <c:v>18.100000000000001</c:v>
                </c:pt>
                <c:pt idx="949">
                  <c:v>19.2</c:v>
                </c:pt>
                <c:pt idx="950">
                  <c:v>19.8</c:v>
                </c:pt>
                <c:pt idx="951">
                  <c:v>20.5</c:v>
                </c:pt>
                <c:pt idx="952">
                  <c:v>21.1</c:v>
                </c:pt>
                <c:pt idx="953">
                  <c:v>21.4</c:v>
                </c:pt>
                <c:pt idx="954">
                  <c:v>21.3</c:v>
                </c:pt>
                <c:pt idx="955">
                  <c:v>21.1</c:v>
                </c:pt>
                <c:pt idx="956">
                  <c:v>20.8</c:v>
                </c:pt>
                <c:pt idx="957">
                  <c:v>20.5</c:v>
                </c:pt>
                <c:pt idx="958">
                  <c:v>20</c:v>
                </c:pt>
                <c:pt idx="959">
                  <c:v>18.7</c:v>
                </c:pt>
                <c:pt idx="960">
                  <c:v>17.899999999999999</c:v>
                </c:pt>
                <c:pt idx="961">
                  <c:v>16.100000000000001</c:v>
                </c:pt>
                <c:pt idx="962">
                  <c:v>15.3</c:v>
                </c:pt>
                <c:pt idx="963">
                  <c:v>15.3</c:v>
                </c:pt>
                <c:pt idx="964">
                  <c:v>16</c:v>
                </c:pt>
                <c:pt idx="965">
                  <c:v>16.3</c:v>
                </c:pt>
                <c:pt idx="966">
                  <c:v>17.3</c:v>
                </c:pt>
                <c:pt idx="967">
                  <c:v>17.600000000000001</c:v>
                </c:pt>
                <c:pt idx="968">
                  <c:v>18.2</c:v>
                </c:pt>
                <c:pt idx="969">
                  <c:v>18.7</c:v>
                </c:pt>
                <c:pt idx="970">
                  <c:v>18.899999999999999</c:v>
                </c:pt>
                <c:pt idx="971">
                  <c:v>19.3</c:v>
                </c:pt>
                <c:pt idx="972">
                  <c:v>19.5</c:v>
                </c:pt>
                <c:pt idx="973">
                  <c:v>18.7</c:v>
                </c:pt>
                <c:pt idx="974">
                  <c:v>18.2</c:v>
                </c:pt>
                <c:pt idx="975">
                  <c:v>17.399999999999999</c:v>
                </c:pt>
                <c:pt idx="976">
                  <c:v>16.600000000000001</c:v>
                </c:pt>
                <c:pt idx="977">
                  <c:v>15.8</c:v>
                </c:pt>
                <c:pt idx="978">
                  <c:v>15.8</c:v>
                </c:pt>
                <c:pt idx="979">
                  <c:v>15</c:v>
                </c:pt>
                <c:pt idx="980">
                  <c:v>14.5</c:v>
                </c:pt>
                <c:pt idx="981">
                  <c:v>14.2</c:v>
                </c:pt>
                <c:pt idx="982">
                  <c:v>14.4</c:v>
                </c:pt>
                <c:pt idx="983">
                  <c:v>14.9</c:v>
                </c:pt>
                <c:pt idx="984">
                  <c:v>15.2</c:v>
                </c:pt>
                <c:pt idx="985">
                  <c:v>15.5</c:v>
                </c:pt>
                <c:pt idx="986">
                  <c:v>15.8</c:v>
                </c:pt>
                <c:pt idx="987">
                  <c:v>16.100000000000001</c:v>
                </c:pt>
                <c:pt idx="988">
                  <c:v>16.5</c:v>
                </c:pt>
                <c:pt idx="989">
                  <c:v>16.600000000000001</c:v>
                </c:pt>
                <c:pt idx="990">
                  <c:v>16.899999999999999</c:v>
                </c:pt>
                <c:pt idx="991">
                  <c:v>17.399999999999999</c:v>
                </c:pt>
                <c:pt idx="992">
                  <c:v>17.7</c:v>
                </c:pt>
                <c:pt idx="993">
                  <c:v>18.2</c:v>
                </c:pt>
                <c:pt idx="994">
                  <c:v>18.399999999999999</c:v>
                </c:pt>
                <c:pt idx="995">
                  <c:v>18.5</c:v>
                </c:pt>
                <c:pt idx="996">
                  <c:v>18.5</c:v>
                </c:pt>
                <c:pt idx="997">
                  <c:v>18.399999999999999</c:v>
                </c:pt>
                <c:pt idx="998">
                  <c:v>18.100000000000001</c:v>
                </c:pt>
                <c:pt idx="999">
                  <c:v>17.399999999999999</c:v>
                </c:pt>
                <c:pt idx="1000">
                  <c:v>16.3</c:v>
                </c:pt>
                <c:pt idx="1001">
                  <c:v>16</c:v>
                </c:pt>
                <c:pt idx="1002">
                  <c:v>15</c:v>
                </c:pt>
                <c:pt idx="1003">
                  <c:v>12.8</c:v>
                </c:pt>
                <c:pt idx="1004">
                  <c:v>12.8</c:v>
                </c:pt>
                <c:pt idx="1005">
                  <c:v>12.8</c:v>
                </c:pt>
                <c:pt idx="1006">
                  <c:v>12.6</c:v>
                </c:pt>
                <c:pt idx="1007">
                  <c:v>12.1</c:v>
                </c:pt>
                <c:pt idx="1008">
                  <c:v>10.199999999999999</c:v>
                </c:pt>
                <c:pt idx="1009">
                  <c:v>9.9</c:v>
                </c:pt>
                <c:pt idx="1010">
                  <c:v>10.199999999999999</c:v>
                </c:pt>
                <c:pt idx="1011">
                  <c:v>10.4</c:v>
                </c:pt>
                <c:pt idx="1012">
                  <c:v>10.5</c:v>
                </c:pt>
                <c:pt idx="1013">
                  <c:v>10.7</c:v>
                </c:pt>
                <c:pt idx="1014">
                  <c:v>11</c:v>
                </c:pt>
                <c:pt idx="1015">
                  <c:v>11.2</c:v>
                </c:pt>
                <c:pt idx="1016">
                  <c:v>11.2</c:v>
                </c:pt>
                <c:pt idx="1017">
                  <c:v>11.2</c:v>
                </c:pt>
                <c:pt idx="1018">
                  <c:v>10.9</c:v>
                </c:pt>
                <c:pt idx="1019">
                  <c:v>10.4</c:v>
                </c:pt>
                <c:pt idx="1020">
                  <c:v>10.1</c:v>
                </c:pt>
                <c:pt idx="1021">
                  <c:v>9.1</c:v>
                </c:pt>
                <c:pt idx="1022">
                  <c:v>8.8000000000000007</c:v>
                </c:pt>
                <c:pt idx="1023">
                  <c:v>8.6</c:v>
                </c:pt>
                <c:pt idx="1024">
                  <c:v>7.8</c:v>
                </c:pt>
                <c:pt idx="1025">
                  <c:v>7.2</c:v>
                </c:pt>
                <c:pt idx="1026">
                  <c:v>7.5</c:v>
                </c:pt>
                <c:pt idx="1027">
                  <c:v>7.5</c:v>
                </c:pt>
                <c:pt idx="1028">
                  <c:v>7.7</c:v>
                </c:pt>
                <c:pt idx="1029">
                  <c:v>7.8</c:v>
                </c:pt>
                <c:pt idx="1030">
                  <c:v>8.3000000000000007</c:v>
                </c:pt>
                <c:pt idx="1031">
                  <c:v>8.6</c:v>
                </c:pt>
                <c:pt idx="1032">
                  <c:v>8.9</c:v>
                </c:pt>
                <c:pt idx="1033">
                  <c:v>9.4</c:v>
                </c:pt>
                <c:pt idx="1034">
                  <c:v>9.4</c:v>
                </c:pt>
                <c:pt idx="1035">
                  <c:v>9.6999999999999993</c:v>
                </c:pt>
                <c:pt idx="1036">
                  <c:v>9.9</c:v>
                </c:pt>
                <c:pt idx="1037">
                  <c:v>10.4</c:v>
                </c:pt>
                <c:pt idx="1038">
                  <c:v>10.7</c:v>
                </c:pt>
                <c:pt idx="1039">
                  <c:v>10.9</c:v>
                </c:pt>
                <c:pt idx="1040">
                  <c:v>11.3</c:v>
                </c:pt>
                <c:pt idx="1041">
                  <c:v>11.3</c:v>
                </c:pt>
                <c:pt idx="1042">
                  <c:v>11.2</c:v>
                </c:pt>
                <c:pt idx="1043">
                  <c:v>11</c:v>
                </c:pt>
                <c:pt idx="1044">
                  <c:v>10.9</c:v>
                </c:pt>
                <c:pt idx="1045">
                  <c:v>10.7</c:v>
                </c:pt>
                <c:pt idx="1046">
                  <c:v>10.9</c:v>
                </c:pt>
                <c:pt idx="1047">
                  <c:v>11.8</c:v>
                </c:pt>
                <c:pt idx="1048">
                  <c:v>11.3</c:v>
                </c:pt>
                <c:pt idx="1049">
                  <c:v>11.3</c:v>
                </c:pt>
                <c:pt idx="1050">
                  <c:v>11.2</c:v>
                </c:pt>
                <c:pt idx="1051">
                  <c:v>11.2</c:v>
                </c:pt>
                <c:pt idx="1052">
                  <c:v>12.3</c:v>
                </c:pt>
                <c:pt idx="1053">
                  <c:v>12.1</c:v>
                </c:pt>
                <c:pt idx="1054">
                  <c:v>12.1</c:v>
                </c:pt>
                <c:pt idx="1055">
                  <c:v>12.5</c:v>
                </c:pt>
                <c:pt idx="1056">
                  <c:v>14.4</c:v>
                </c:pt>
                <c:pt idx="1057">
                  <c:v>16</c:v>
                </c:pt>
                <c:pt idx="1058">
                  <c:v>16</c:v>
                </c:pt>
                <c:pt idx="1059">
                  <c:v>16.899999999999999</c:v>
                </c:pt>
                <c:pt idx="1060">
                  <c:v>17.3</c:v>
                </c:pt>
                <c:pt idx="1061">
                  <c:v>17.899999999999999</c:v>
                </c:pt>
                <c:pt idx="1062">
                  <c:v>18.5</c:v>
                </c:pt>
                <c:pt idx="1063">
                  <c:v>18.399999999999999</c:v>
                </c:pt>
                <c:pt idx="1064">
                  <c:v>17.899999999999999</c:v>
                </c:pt>
                <c:pt idx="1065">
                  <c:v>16.899999999999999</c:v>
                </c:pt>
                <c:pt idx="1066">
                  <c:v>15.8</c:v>
                </c:pt>
                <c:pt idx="1067">
                  <c:v>14.9</c:v>
                </c:pt>
                <c:pt idx="1068">
                  <c:v>14.1</c:v>
                </c:pt>
                <c:pt idx="1069">
                  <c:v>13.4</c:v>
                </c:pt>
                <c:pt idx="1070">
                  <c:v>13.4</c:v>
                </c:pt>
                <c:pt idx="1071">
                  <c:v>13.6</c:v>
                </c:pt>
                <c:pt idx="1072">
                  <c:v>13.9</c:v>
                </c:pt>
                <c:pt idx="1073">
                  <c:v>14.1</c:v>
                </c:pt>
                <c:pt idx="1074">
                  <c:v>14.2</c:v>
                </c:pt>
                <c:pt idx="1075">
                  <c:v>14.7</c:v>
                </c:pt>
                <c:pt idx="1076">
                  <c:v>15.2</c:v>
                </c:pt>
                <c:pt idx="1077">
                  <c:v>15.7</c:v>
                </c:pt>
                <c:pt idx="1078">
                  <c:v>16.3</c:v>
                </c:pt>
                <c:pt idx="1079">
                  <c:v>16.899999999999999</c:v>
                </c:pt>
                <c:pt idx="1080">
                  <c:v>17.399999999999999</c:v>
                </c:pt>
                <c:pt idx="1081">
                  <c:v>18.100000000000001</c:v>
                </c:pt>
                <c:pt idx="1082">
                  <c:v>18.5</c:v>
                </c:pt>
                <c:pt idx="1083">
                  <c:v>18.7</c:v>
                </c:pt>
                <c:pt idx="1084">
                  <c:v>18.7</c:v>
                </c:pt>
                <c:pt idx="1085">
                  <c:v>18.399999999999999</c:v>
                </c:pt>
                <c:pt idx="1086">
                  <c:v>18.100000000000001</c:v>
                </c:pt>
                <c:pt idx="1087">
                  <c:v>17.3</c:v>
                </c:pt>
                <c:pt idx="1088">
                  <c:v>16.100000000000001</c:v>
                </c:pt>
                <c:pt idx="1089">
                  <c:v>15.2</c:v>
                </c:pt>
                <c:pt idx="1090">
                  <c:v>14.4</c:v>
                </c:pt>
                <c:pt idx="1091">
                  <c:v>13.4</c:v>
                </c:pt>
                <c:pt idx="1092">
                  <c:v>13.1</c:v>
                </c:pt>
                <c:pt idx="1093">
                  <c:v>12.3</c:v>
                </c:pt>
                <c:pt idx="1094">
                  <c:v>12.3</c:v>
                </c:pt>
                <c:pt idx="1095">
                  <c:v>12.6</c:v>
                </c:pt>
                <c:pt idx="1096">
                  <c:v>12.9</c:v>
                </c:pt>
                <c:pt idx="1097">
                  <c:v>13.1</c:v>
                </c:pt>
                <c:pt idx="1098">
                  <c:v>13.7</c:v>
                </c:pt>
                <c:pt idx="1099">
                  <c:v>13.9</c:v>
                </c:pt>
                <c:pt idx="1100">
                  <c:v>14.4</c:v>
                </c:pt>
                <c:pt idx="1101">
                  <c:v>14.7</c:v>
                </c:pt>
                <c:pt idx="1102">
                  <c:v>15.2</c:v>
                </c:pt>
                <c:pt idx="1103">
                  <c:v>15.7</c:v>
                </c:pt>
                <c:pt idx="1104">
                  <c:v>16</c:v>
                </c:pt>
                <c:pt idx="1105">
                  <c:v>16.5</c:v>
                </c:pt>
                <c:pt idx="1106">
                  <c:v>17.3</c:v>
                </c:pt>
                <c:pt idx="1107">
                  <c:v>17.899999999999999</c:v>
                </c:pt>
                <c:pt idx="1108">
                  <c:v>18.2</c:v>
                </c:pt>
                <c:pt idx="1109">
                  <c:v>17.899999999999999</c:v>
                </c:pt>
                <c:pt idx="1110">
                  <c:v>17.3</c:v>
                </c:pt>
                <c:pt idx="1111">
                  <c:v>16.5</c:v>
                </c:pt>
                <c:pt idx="1112">
                  <c:v>15.2</c:v>
                </c:pt>
                <c:pt idx="1113">
                  <c:v>14.2</c:v>
                </c:pt>
                <c:pt idx="1114">
                  <c:v>12.6</c:v>
                </c:pt>
                <c:pt idx="1115">
                  <c:v>12.1</c:v>
                </c:pt>
                <c:pt idx="1116">
                  <c:v>12</c:v>
                </c:pt>
                <c:pt idx="1117">
                  <c:v>11</c:v>
                </c:pt>
                <c:pt idx="1118">
                  <c:v>11.2</c:v>
                </c:pt>
                <c:pt idx="1119">
                  <c:v>11.5</c:v>
                </c:pt>
                <c:pt idx="1120">
                  <c:v>11.8</c:v>
                </c:pt>
                <c:pt idx="1121">
                  <c:v>12.1</c:v>
                </c:pt>
                <c:pt idx="1122">
                  <c:v>12.8</c:v>
                </c:pt>
                <c:pt idx="1123">
                  <c:v>13.6</c:v>
                </c:pt>
                <c:pt idx="1124">
                  <c:v>13.9</c:v>
                </c:pt>
                <c:pt idx="1125">
                  <c:v>14.4</c:v>
                </c:pt>
                <c:pt idx="1126">
                  <c:v>14.9</c:v>
                </c:pt>
                <c:pt idx="1127">
                  <c:v>15.2</c:v>
                </c:pt>
                <c:pt idx="1128">
                  <c:v>15.7</c:v>
                </c:pt>
                <c:pt idx="1129">
                  <c:v>16</c:v>
                </c:pt>
                <c:pt idx="1130">
                  <c:v>1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97B-4A5D-A22D-F275A00FA2D2}"/>
            </c:ext>
          </c:extLst>
        </c:ser>
        <c:ser>
          <c:idx val="1"/>
          <c:order val="1"/>
          <c:tx>
            <c:strRef>
              <c:f>グラフ!$I$2</c:f>
              <c:strCache>
                <c:ptCount val="1"/>
                <c:pt idx="0">
                  <c:v>変位/10mm</c:v>
                </c:pt>
              </c:strCache>
            </c:strRef>
          </c:tx>
          <c:marker>
            <c:symbol val="none"/>
          </c:marker>
          <c:trendline>
            <c:trendlineType val="linear"/>
            <c:dispRSqr val="0"/>
            <c:dispEq val="1"/>
            <c:trendlineLbl>
              <c:layout>
                <c:manualLayout>
                  <c:x val="-4.6247769028871392E-2"/>
                  <c:y val="-0.1267543110365642"/>
                </c:manualLayout>
              </c:layout>
              <c:numFmt formatCode="General" sourceLinked="0"/>
              <c:txPr>
                <a:bodyPr/>
                <a:lstStyle/>
                <a:p>
                  <a:pPr>
                    <a:defRPr lang="ja-JP"/>
                  </a:pPr>
                  <a:endParaRPr lang="ja-JP"/>
                </a:p>
              </c:txPr>
            </c:trendlineLbl>
          </c:trendline>
          <c:xVal>
            <c:numRef>
              <c:f>グラフ!$G$6:$G$1136</c:f>
              <c:numCache>
                <c:formatCode>yyyy/m/d\ h:mm;@</c:formatCode>
                <c:ptCount val="1131"/>
                <c:pt idx="0">
                  <c:v>43238.33011574074</c:v>
                </c:pt>
                <c:pt idx="1">
                  <c:v>43238.288518518515</c:v>
                </c:pt>
                <c:pt idx="2">
                  <c:v>43238.246886574074</c:v>
                </c:pt>
                <c:pt idx="3">
                  <c:v>43238.205370370371</c:v>
                </c:pt>
                <c:pt idx="4">
                  <c:v>43238.163819444446</c:v>
                </c:pt>
                <c:pt idx="5">
                  <c:v>43238.122233796297</c:v>
                </c:pt>
                <c:pt idx="6">
                  <c:v>43238.080578703702</c:v>
                </c:pt>
                <c:pt idx="7">
                  <c:v>43238.038993055554</c:v>
                </c:pt>
                <c:pt idx="8">
                  <c:v>43237.997349537036</c:v>
                </c:pt>
                <c:pt idx="9">
                  <c:v>43237.955775462964</c:v>
                </c:pt>
                <c:pt idx="10">
                  <c:v>43237.914155092592</c:v>
                </c:pt>
                <c:pt idx="11">
                  <c:v>43237.872557870367</c:v>
                </c:pt>
                <c:pt idx="12">
                  <c:v>43237.830960648149</c:v>
                </c:pt>
                <c:pt idx="13">
                  <c:v>43237.789340277777</c:v>
                </c:pt>
                <c:pt idx="14">
                  <c:v>43237.747696759259</c:v>
                </c:pt>
                <c:pt idx="15">
                  <c:v>43237.706064814818</c:v>
                </c:pt>
                <c:pt idx="16">
                  <c:v>43237.664490740739</c:v>
                </c:pt>
                <c:pt idx="17">
                  <c:v>43237.622928240744</c:v>
                </c:pt>
                <c:pt idx="18">
                  <c:v>43237.581296296295</c:v>
                </c:pt>
                <c:pt idx="19">
                  <c:v>43237.539699074077</c:v>
                </c:pt>
                <c:pt idx="20">
                  <c:v>43237.456469907411</c:v>
                </c:pt>
                <c:pt idx="21">
                  <c:v>43237.414930555555</c:v>
                </c:pt>
                <c:pt idx="22">
                  <c:v>43237.37332175926</c:v>
                </c:pt>
                <c:pt idx="23">
                  <c:v>43237.331712962965</c:v>
                </c:pt>
                <c:pt idx="24">
                  <c:v>43237.290127314816</c:v>
                </c:pt>
                <c:pt idx="25">
                  <c:v>43237.24858796296</c:v>
                </c:pt>
                <c:pt idx="26">
                  <c:v>43237.206956018519</c:v>
                </c:pt>
                <c:pt idx="27">
                  <c:v>43237.165405092594</c:v>
                </c:pt>
                <c:pt idx="28">
                  <c:v>43237.123807870368</c:v>
                </c:pt>
                <c:pt idx="29">
                  <c:v>43237.08221064815</c:v>
                </c:pt>
                <c:pt idx="30">
                  <c:v>43237.040636574071</c:v>
                </c:pt>
                <c:pt idx="31">
                  <c:v>43236.99900462963</c:v>
                </c:pt>
                <c:pt idx="32">
                  <c:v>43236.957395833335</c:v>
                </c:pt>
                <c:pt idx="33">
                  <c:v>43236.915844907409</c:v>
                </c:pt>
                <c:pt idx="34">
                  <c:v>43236.874212962961</c:v>
                </c:pt>
                <c:pt idx="35">
                  <c:v>43236.832731481481</c:v>
                </c:pt>
                <c:pt idx="36">
                  <c:v>43236.791168981479</c:v>
                </c:pt>
                <c:pt idx="37">
                  <c:v>43236.74962962963</c:v>
                </c:pt>
                <c:pt idx="38">
                  <c:v>43236.708009259259</c:v>
                </c:pt>
                <c:pt idx="39">
                  <c:v>43236.666435185187</c:v>
                </c:pt>
                <c:pt idx="40">
                  <c:v>43236.6249537037</c:v>
                </c:pt>
                <c:pt idx="41">
                  <c:v>43236.583368055559</c:v>
                </c:pt>
                <c:pt idx="42">
                  <c:v>43236.541828703703</c:v>
                </c:pt>
                <c:pt idx="43">
                  <c:v>43236.500277777777</c:v>
                </c:pt>
                <c:pt idx="44">
                  <c:v>43236.458622685182</c:v>
                </c:pt>
                <c:pt idx="45">
                  <c:v>43236.417013888888</c:v>
                </c:pt>
                <c:pt idx="46">
                  <c:v>43236.375393518516</c:v>
                </c:pt>
                <c:pt idx="47">
                  <c:v>43236.333854166667</c:v>
                </c:pt>
                <c:pt idx="48">
                  <c:v>43236.292245370372</c:v>
                </c:pt>
                <c:pt idx="49">
                  <c:v>43236.250671296293</c:v>
                </c:pt>
                <c:pt idx="50">
                  <c:v>43236.209074074075</c:v>
                </c:pt>
                <c:pt idx="51">
                  <c:v>43236.167430555557</c:v>
                </c:pt>
                <c:pt idx="52">
                  <c:v>43236.125833333332</c:v>
                </c:pt>
                <c:pt idx="53">
                  <c:v>43236.08425925926</c:v>
                </c:pt>
                <c:pt idx="54">
                  <c:v>43236.042615740742</c:v>
                </c:pt>
                <c:pt idx="55">
                  <c:v>43236.00105324074</c:v>
                </c:pt>
                <c:pt idx="56">
                  <c:v>43235.959490740737</c:v>
                </c:pt>
                <c:pt idx="57">
                  <c:v>43235.917986111112</c:v>
                </c:pt>
                <c:pt idx="58">
                  <c:v>43235.876388888886</c:v>
                </c:pt>
                <c:pt idx="59">
                  <c:v>43235.834803240738</c:v>
                </c:pt>
                <c:pt idx="60">
                  <c:v>43235.793229166666</c:v>
                </c:pt>
                <c:pt idx="61">
                  <c:v>43235.751631944448</c:v>
                </c:pt>
                <c:pt idx="62">
                  <c:v>43235.710011574076</c:v>
                </c:pt>
                <c:pt idx="63">
                  <c:v>43235.668402777781</c:v>
                </c:pt>
                <c:pt idx="64">
                  <c:v>43235.626759259256</c:v>
                </c:pt>
                <c:pt idx="65">
                  <c:v>43235.585173611114</c:v>
                </c:pt>
                <c:pt idx="66">
                  <c:v>43235.543506944443</c:v>
                </c:pt>
                <c:pt idx="67">
                  <c:v>43235.501886574071</c:v>
                </c:pt>
                <c:pt idx="68">
                  <c:v>43235.460347222222</c:v>
                </c:pt>
                <c:pt idx="69">
                  <c:v>43235.418773148151</c:v>
                </c:pt>
                <c:pt idx="70">
                  <c:v>43235.377141203702</c:v>
                </c:pt>
                <c:pt idx="71">
                  <c:v>43235.335497685184</c:v>
                </c:pt>
                <c:pt idx="72">
                  <c:v>43235.293877314813</c:v>
                </c:pt>
                <c:pt idx="73">
                  <c:v>43235.252256944441</c:v>
                </c:pt>
                <c:pt idx="74">
                  <c:v>43235.210636574076</c:v>
                </c:pt>
                <c:pt idx="75">
                  <c:v>43235.168993055559</c:v>
                </c:pt>
                <c:pt idx="76">
                  <c:v>43235.12736111111</c:v>
                </c:pt>
                <c:pt idx="77">
                  <c:v>43235.085729166669</c:v>
                </c:pt>
                <c:pt idx="78">
                  <c:v>43235.04414351852</c:v>
                </c:pt>
                <c:pt idx="79">
                  <c:v>43235.002511574072</c:v>
                </c:pt>
                <c:pt idx="80">
                  <c:v>43234.9608912037</c:v>
                </c:pt>
                <c:pt idx="81">
                  <c:v>43234.919259259259</c:v>
                </c:pt>
                <c:pt idx="82">
                  <c:v>43234.877638888887</c:v>
                </c:pt>
                <c:pt idx="83">
                  <c:v>43234.836006944446</c:v>
                </c:pt>
                <c:pt idx="84">
                  <c:v>43234.794363425928</c:v>
                </c:pt>
                <c:pt idx="85">
                  <c:v>43234.752812500003</c:v>
                </c:pt>
                <c:pt idx="86">
                  <c:v>43234.711192129631</c:v>
                </c:pt>
                <c:pt idx="87">
                  <c:v>43234.669641203705</c:v>
                </c:pt>
                <c:pt idx="88">
                  <c:v>43234.627997685187</c:v>
                </c:pt>
                <c:pt idx="89">
                  <c:v>43234.586458333331</c:v>
                </c:pt>
                <c:pt idx="90">
                  <c:v>43234.544895833336</c:v>
                </c:pt>
                <c:pt idx="91">
                  <c:v>43234.503263888888</c:v>
                </c:pt>
                <c:pt idx="92">
                  <c:v>43234.461643518516</c:v>
                </c:pt>
                <c:pt idx="93">
                  <c:v>43234.420023148145</c:v>
                </c:pt>
                <c:pt idx="94">
                  <c:v>43234.378379629627</c:v>
                </c:pt>
                <c:pt idx="95">
                  <c:v>43234.336736111109</c:v>
                </c:pt>
                <c:pt idx="96">
                  <c:v>43234.295092592591</c:v>
                </c:pt>
                <c:pt idx="97">
                  <c:v>43234.253472222219</c:v>
                </c:pt>
                <c:pt idx="98">
                  <c:v>43234.211840277778</c:v>
                </c:pt>
                <c:pt idx="99">
                  <c:v>43234.170231481483</c:v>
                </c:pt>
                <c:pt idx="100">
                  <c:v>43234.128599537034</c:v>
                </c:pt>
                <c:pt idx="101">
                  <c:v>43234.08699074074</c:v>
                </c:pt>
                <c:pt idx="102">
                  <c:v>43234.045358796298</c:v>
                </c:pt>
                <c:pt idx="103">
                  <c:v>43234.003750000003</c:v>
                </c:pt>
                <c:pt idx="104">
                  <c:v>43233.962141203701</c:v>
                </c:pt>
                <c:pt idx="105">
                  <c:v>43233.920532407406</c:v>
                </c:pt>
                <c:pt idx="106">
                  <c:v>43233.878900462965</c:v>
                </c:pt>
                <c:pt idx="107">
                  <c:v>43233.837268518517</c:v>
                </c:pt>
                <c:pt idx="108">
                  <c:v>43233.795636574076</c:v>
                </c:pt>
                <c:pt idx="109">
                  <c:v>43233.754004629627</c:v>
                </c:pt>
                <c:pt idx="110">
                  <c:v>43233.712395833332</c:v>
                </c:pt>
                <c:pt idx="111">
                  <c:v>43233.670798611114</c:v>
                </c:pt>
                <c:pt idx="112">
                  <c:v>43233.629166666666</c:v>
                </c:pt>
                <c:pt idx="113">
                  <c:v>43233.587534722225</c:v>
                </c:pt>
                <c:pt idx="114">
                  <c:v>43233.545937499999</c:v>
                </c:pt>
                <c:pt idx="115">
                  <c:v>43233.504282407404</c:v>
                </c:pt>
                <c:pt idx="116">
                  <c:v>43233.462638888886</c:v>
                </c:pt>
                <c:pt idx="117">
                  <c:v>43233.421087962961</c:v>
                </c:pt>
                <c:pt idx="118">
                  <c:v>43233.379502314812</c:v>
                </c:pt>
                <c:pt idx="119">
                  <c:v>43233.337847222225</c:v>
                </c:pt>
                <c:pt idx="120">
                  <c:v>43233.29619212963</c:v>
                </c:pt>
                <c:pt idx="121">
                  <c:v>43233.254664351851</c:v>
                </c:pt>
                <c:pt idx="122">
                  <c:v>43233.213078703702</c:v>
                </c:pt>
                <c:pt idx="123">
                  <c:v>43233.171458333331</c:v>
                </c:pt>
                <c:pt idx="124">
                  <c:v>43233.129814814813</c:v>
                </c:pt>
                <c:pt idx="125">
                  <c:v>43233.088263888887</c:v>
                </c:pt>
                <c:pt idx="126">
                  <c:v>43233.046840277777</c:v>
                </c:pt>
                <c:pt idx="127">
                  <c:v>43233.005219907405</c:v>
                </c:pt>
                <c:pt idx="128">
                  <c:v>43232.96361111111</c:v>
                </c:pt>
                <c:pt idx="129">
                  <c:v>43232.921990740739</c:v>
                </c:pt>
                <c:pt idx="130">
                  <c:v>43232.880335648151</c:v>
                </c:pt>
                <c:pt idx="131">
                  <c:v>43232.838854166665</c:v>
                </c:pt>
                <c:pt idx="132">
                  <c:v>43232.797222222223</c:v>
                </c:pt>
                <c:pt idx="133">
                  <c:v>43232.755659722221</c:v>
                </c:pt>
                <c:pt idx="134">
                  <c:v>43232.714050925926</c:v>
                </c:pt>
                <c:pt idx="135">
                  <c:v>43232.672418981485</c:v>
                </c:pt>
                <c:pt idx="136">
                  <c:v>43232.630798611113</c:v>
                </c:pt>
                <c:pt idx="137">
                  <c:v>43232.589155092595</c:v>
                </c:pt>
                <c:pt idx="138">
                  <c:v>43232.547523148147</c:v>
                </c:pt>
                <c:pt idx="139">
                  <c:v>43232.505949074075</c:v>
                </c:pt>
                <c:pt idx="140">
                  <c:v>43232.464363425926</c:v>
                </c:pt>
                <c:pt idx="141">
                  <c:v>43232.422881944447</c:v>
                </c:pt>
                <c:pt idx="142">
                  <c:v>43232.381284722222</c:v>
                </c:pt>
                <c:pt idx="143">
                  <c:v>43232.339756944442</c:v>
                </c:pt>
                <c:pt idx="144">
                  <c:v>43232.29824074074</c:v>
                </c:pt>
                <c:pt idx="145">
                  <c:v>43232.256678240738</c:v>
                </c:pt>
                <c:pt idx="146">
                  <c:v>43232.215057870373</c:v>
                </c:pt>
                <c:pt idx="147">
                  <c:v>43232.173483796294</c:v>
                </c:pt>
                <c:pt idx="148">
                  <c:v>43232.131886574076</c:v>
                </c:pt>
                <c:pt idx="149">
                  <c:v>43232.09034722222</c:v>
                </c:pt>
                <c:pt idx="150">
                  <c:v>43232.048738425925</c:v>
                </c:pt>
                <c:pt idx="151">
                  <c:v>43232.007164351853</c:v>
                </c:pt>
                <c:pt idx="152">
                  <c:v>43231.965567129628</c:v>
                </c:pt>
                <c:pt idx="153">
                  <c:v>43231.924062500002</c:v>
                </c:pt>
                <c:pt idx="154">
                  <c:v>43231.882430555554</c:v>
                </c:pt>
                <c:pt idx="155">
                  <c:v>43231.840787037036</c:v>
                </c:pt>
                <c:pt idx="156">
                  <c:v>43231.799143518518</c:v>
                </c:pt>
                <c:pt idx="157">
                  <c:v>43231.757557870369</c:v>
                </c:pt>
                <c:pt idx="158">
                  <c:v>43231.715925925928</c:v>
                </c:pt>
                <c:pt idx="159">
                  <c:v>43231.674328703702</c:v>
                </c:pt>
                <c:pt idx="160">
                  <c:v>43231.632870370369</c:v>
                </c:pt>
                <c:pt idx="161">
                  <c:v>43231.591226851851</c:v>
                </c:pt>
                <c:pt idx="162">
                  <c:v>43231.549629629626</c:v>
                </c:pt>
                <c:pt idx="163">
                  <c:v>43231.508113425924</c:v>
                </c:pt>
                <c:pt idx="164">
                  <c:v>43231.466469907406</c:v>
                </c:pt>
                <c:pt idx="165">
                  <c:v>43231.424861111111</c:v>
                </c:pt>
                <c:pt idx="166">
                  <c:v>43231.383229166669</c:v>
                </c:pt>
                <c:pt idx="167">
                  <c:v>43231.341631944444</c:v>
                </c:pt>
                <c:pt idx="168">
                  <c:v>43231.3</c:v>
                </c:pt>
                <c:pt idx="169">
                  <c:v>43231.258402777778</c:v>
                </c:pt>
                <c:pt idx="170">
                  <c:v>43231.216793981483</c:v>
                </c:pt>
                <c:pt idx="171">
                  <c:v>43231.175185185188</c:v>
                </c:pt>
                <c:pt idx="172">
                  <c:v>43231.13354166667</c:v>
                </c:pt>
                <c:pt idx="173">
                  <c:v>43231.091921296298</c:v>
                </c:pt>
                <c:pt idx="174">
                  <c:v>43231.050312500003</c:v>
                </c:pt>
                <c:pt idx="175">
                  <c:v>43231.008657407408</c:v>
                </c:pt>
                <c:pt idx="176">
                  <c:v>43230.96702546296</c:v>
                </c:pt>
                <c:pt idx="177">
                  <c:v>43230.925393518519</c:v>
                </c:pt>
                <c:pt idx="178">
                  <c:v>43230.883750000001</c:v>
                </c:pt>
                <c:pt idx="179">
                  <c:v>43230.842141203706</c:v>
                </c:pt>
                <c:pt idx="180">
                  <c:v>43230.800509259258</c:v>
                </c:pt>
                <c:pt idx="181">
                  <c:v>43230.758912037039</c:v>
                </c:pt>
                <c:pt idx="182">
                  <c:v>43230.717280092591</c:v>
                </c:pt>
                <c:pt idx="183">
                  <c:v>43230.675671296296</c:v>
                </c:pt>
                <c:pt idx="184">
                  <c:v>43230.634074074071</c:v>
                </c:pt>
                <c:pt idx="185">
                  <c:v>43230.592453703706</c:v>
                </c:pt>
                <c:pt idx="186">
                  <c:v>43230.550856481481</c:v>
                </c:pt>
                <c:pt idx="187">
                  <c:v>43230.509212962963</c:v>
                </c:pt>
                <c:pt idx="188">
                  <c:v>43230.467581018522</c:v>
                </c:pt>
                <c:pt idx="189">
                  <c:v>43230.425983796296</c:v>
                </c:pt>
                <c:pt idx="190">
                  <c:v>43230.384351851855</c:v>
                </c:pt>
                <c:pt idx="191">
                  <c:v>43230.342719907407</c:v>
                </c:pt>
                <c:pt idx="192">
                  <c:v>43230.301076388889</c:v>
                </c:pt>
                <c:pt idx="193">
                  <c:v>43230.259456018517</c:v>
                </c:pt>
                <c:pt idx="194">
                  <c:v>43230.217824074076</c:v>
                </c:pt>
                <c:pt idx="195">
                  <c:v>43230.176215277781</c:v>
                </c:pt>
                <c:pt idx="196">
                  <c:v>43230.134606481479</c:v>
                </c:pt>
                <c:pt idx="197">
                  <c:v>43230.093009259261</c:v>
                </c:pt>
                <c:pt idx="198">
                  <c:v>43230.051412037035</c:v>
                </c:pt>
                <c:pt idx="199">
                  <c:v>43230.009768518517</c:v>
                </c:pt>
                <c:pt idx="200">
                  <c:v>43229.968148148146</c:v>
                </c:pt>
                <c:pt idx="201">
                  <c:v>43229.926516203705</c:v>
                </c:pt>
                <c:pt idx="202">
                  <c:v>43229.884930555556</c:v>
                </c:pt>
                <c:pt idx="203">
                  <c:v>43229.843275462961</c:v>
                </c:pt>
                <c:pt idx="204">
                  <c:v>43229.80164351852</c:v>
                </c:pt>
                <c:pt idx="205">
                  <c:v>43229.760023148148</c:v>
                </c:pt>
                <c:pt idx="206">
                  <c:v>43229.71837962963</c:v>
                </c:pt>
                <c:pt idx="207">
                  <c:v>43229.676747685182</c:v>
                </c:pt>
                <c:pt idx="208">
                  <c:v>43229.635092592594</c:v>
                </c:pt>
                <c:pt idx="209">
                  <c:v>43229.593495370369</c:v>
                </c:pt>
                <c:pt idx="210">
                  <c:v>43229.551851851851</c:v>
                </c:pt>
                <c:pt idx="211">
                  <c:v>43229.510277777779</c:v>
                </c:pt>
                <c:pt idx="212">
                  <c:v>43229.468819444446</c:v>
                </c:pt>
                <c:pt idx="213">
                  <c:v>43229.468657407408</c:v>
                </c:pt>
                <c:pt idx="214">
                  <c:v>43229.42701388889</c:v>
                </c:pt>
                <c:pt idx="215">
                  <c:v>43229.385381944441</c:v>
                </c:pt>
                <c:pt idx="216">
                  <c:v>43229.343761574077</c:v>
                </c:pt>
                <c:pt idx="217">
                  <c:v>43229.302118055559</c:v>
                </c:pt>
                <c:pt idx="218">
                  <c:v>43229.260497685187</c:v>
                </c:pt>
                <c:pt idx="219">
                  <c:v>43229.218865740739</c:v>
                </c:pt>
                <c:pt idx="220">
                  <c:v>43229.177222222221</c:v>
                </c:pt>
                <c:pt idx="221">
                  <c:v>43229.135636574072</c:v>
                </c:pt>
                <c:pt idx="222">
                  <c:v>43229.0940162037</c:v>
                </c:pt>
                <c:pt idx="223">
                  <c:v>43229.052418981482</c:v>
                </c:pt>
                <c:pt idx="224">
                  <c:v>43229.010798611111</c:v>
                </c:pt>
                <c:pt idx="225">
                  <c:v>43228.969178240739</c:v>
                </c:pt>
                <c:pt idx="226">
                  <c:v>43228.927569444444</c:v>
                </c:pt>
                <c:pt idx="227">
                  <c:v>43228.885937500003</c:v>
                </c:pt>
                <c:pt idx="228">
                  <c:v>43228.844293981485</c:v>
                </c:pt>
                <c:pt idx="229">
                  <c:v>43228.802662037036</c:v>
                </c:pt>
                <c:pt idx="230">
                  <c:v>43228.761030092595</c:v>
                </c:pt>
                <c:pt idx="231">
                  <c:v>43228.719421296293</c:v>
                </c:pt>
                <c:pt idx="232">
                  <c:v>43228.677824074075</c:v>
                </c:pt>
                <c:pt idx="233">
                  <c:v>43228.636203703703</c:v>
                </c:pt>
                <c:pt idx="234">
                  <c:v>43228.594571759262</c:v>
                </c:pt>
                <c:pt idx="235">
                  <c:v>43228.552928240744</c:v>
                </c:pt>
                <c:pt idx="236">
                  <c:v>43228.511296296296</c:v>
                </c:pt>
                <c:pt idx="237">
                  <c:v>43228.469687500001</c:v>
                </c:pt>
                <c:pt idx="238">
                  <c:v>43228.428067129629</c:v>
                </c:pt>
                <c:pt idx="239">
                  <c:v>43228.386481481481</c:v>
                </c:pt>
                <c:pt idx="240">
                  <c:v>43228.344837962963</c:v>
                </c:pt>
                <c:pt idx="241">
                  <c:v>43228.303194444445</c:v>
                </c:pt>
                <c:pt idx="242">
                  <c:v>43228.261574074073</c:v>
                </c:pt>
                <c:pt idx="243">
                  <c:v>43228.219942129632</c:v>
                </c:pt>
                <c:pt idx="244">
                  <c:v>43228.17832175926</c:v>
                </c:pt>
                <c:pt idx="245">
                  <c:v>43228.136712962965</c:v>
                </c:pt>
                <c:pt idx="246">
                  <c:v>43228.095081018517</c:v>
                </c:pt>
                <c:pt idx="247">
                  <c:v>43228.053437499999</c:v>
                </c:pt>
                <c:pt idx="248">
                  <c:v>43228.011805555558</c:v>
                </c:pt>
                <c:pt idx="249">
                  <c:v>43227.970208333332</c:v>
                </c:pt>
                <c:pt idx="250">
                  <c:v>43227.928564814814</c:v>
                </c:pt>
                <c:pt idx="251">
                  <c:v>43227.886944444443</c:v>
                </c:pt>
                <c:pt idx="252">
                  <c:v>43227.845312500001</c:v>
                </c:pt>
                <c:pt idx="253">
                  <c:v>43227.80369212963</c:v>
                </c:pt>
                <c:pt idx="254">
                  <c:v>43227.762083333335</c:v>
                </c:pt>
                <c:pt idx="255">
                  <c:v>43227.720462962963</c:v>
                </c:pt>
                <c:pt idx="256">
                  <c:v>43227.678831018522</c:v>
                </c:pt>
                <c:pt idx="257">
                  <c:v>43227.63721064815</c:v>
                </c:pt>
                <c:pt idx="258">
                  <c:v>43227.595590277779</c:v>
                </c:pt>
                <c:pt idx="259">
                  <c:v>43227.553935185184</c:v>
                </c:pt>
                <c:pt idx="260">
                  <c:v>43227.512337962966</c:v>
                </c:pt>
                <c:pt idx="261">
                  <c:v>43227.470717592594</c:v>
                </c:pt>
                <c:pt idx="262">
                  <c:v>43227.429085648146</c:v>
                </c:pt>
                <c:pt idx="263">
                  <c:v>43227.387465277781</c:v>
                </c:pt>
                <c:pt idx="264">
                  <c:v>43227.345868055556</c:v>
                </c:pt>
                <c:pt idx="265">
                  <c:v>43227.304328703707</c:v>
                </c:pt>
                <c:pt idx="266">
                  <c:v>43227.262696759259</c:v>
                </c:pt>
                <c:pt idx="267">
                  <c:v>43227.221064814818</c:v>
                </c:pt>
                <c:pt idx="268">
                  <c:v>43227.179467592592</c:v>
                </c:pt>
                <c:pt idx="269">
                  <c:v>43227.137870370374</c:v>
                </c:pt>
                <c:pt idx="270">
                  <c:v>43227.096261574072</c:v>
                </c:pt>
                <c:pt idx="271">
                  <c:v>43227.054710648146</c:v>
                </c:pt>
                <c:pt idx="272">
                  <c:v>43227.013206018521</c:v>
                </c:pt>
                <c:pt idx="273">
                  <c:v>43226.971689814818</c:v>
                </c:pt>
                <c:pt idx="274">
                  <c:v>43226.930104166669</c:v>
                </c:pt>
                <c:pt idx="275">
                  <c:v>43226.888599537036</c:v>
                </c:pt>
                <c:pt idx="276">
                  <c:v>43226.847025462965</c:v>
                </c:pt>
                <c:pt idx="277">
                  <c:v>43226.805428240739</c:v>
                </c:pt>
                <c:pt idx="278">
                  <c:v>43226.763807870368</c:v>
                </c:pt>
                <c:pt idx="279">
                  <c:v>43226.72216435185</c:v>
                </c:pt>
                <c:pt idx="280">
                  <c:v>43226.680532407408</c:v>
                </c:pt>
                <c:pt idx="281">
                  <c:v>43226.638935185183</c:v>
                </c:pt>
                <c:pt idx="282">
                  <c:v>43226.597314814811</c:v>
                </c:pt>
                <c:pt idx="283">
                  <c:v>43226.55568287037</c:v>
                </c:pt>
                <c:pt idx="284">
                  <c:v>43226.514166666668</c:v>
                </c:pt>
                <c:pt idx="285">
                  <c:v>43226.472638888888</c:v>
                </c:pt>
                <c:pt idx="286">
                  <c:v>43226.431041666663</c:v>
                </c:pt>
                <c:pt idx="287">
                  <c:v>43226.389398148145</c:v>
                </c:pt>
                <c:pt idx="288">
                  <c:v>43226.34778935185</c:v>
                </c:pt>
                <c:pt idx="289">
                  <c:v>43226.306180555555</c:v>
                </c:pt>
                <c:pt idx="290">
                  <c:v>43226.264548611114</c:v>
                </c:pt>
                <c:pt idx="291">
                  <c:v>43226.222905092596</c:v>
                </c:pt>
                <c:pt idx="292">
                  <c:v>43226.181296296294</c:v>
                </c:pt>
                <c:pt idx="293">
                  <c:v>43226.139652777776</c:v>
                </c:pt>
                <c:pt idx="294">
                  <c:v>43226.098078703704</c:v>
                </c:pt>
                <c:pt idx="295">
                  <c:v>43226.056504629632</c:v>
                </c:pt>
                <c:pt idx="296">
                  <c:v>43226.01494212963</c:v>
                </c:pt>
                <c:pt idx="297">
                  <c:v>43225.973368055558</c:v>
                </c:pt>
                <c:pt idx="298">
                  <c:v>43225.93178240741</c:v>
                </c:pt>
                <c:pt idx="299">
                  <c:v>43225.890150462961</c:v>
                </c:pt>
                <c:pt idx="300">
                  <c:v>43225.848587962966</c:v>
                </c:pt>
                <c:pt idx="301">
                  <c:v>43225.806932870371</c:v>
                </c:pt>
                <c:pt idx="302">
                  <c:v>43225.765300925923</c:v>
                </c:pt>
                <c:pt idx="303">
                  <c:v>43225.723692129628</c:v>
                </c:pt>
                <c:pt idx="304">
                  <c:v>43225.682118055556</c:v>
                </c:pt>
                <c:pt idx="305">
                  <c:v>43225.640486111108</c:v>
                </c:pt>
                <c:pt idx="306">
                  <c:v>43225.59884259259</c:v>
                </c:pt>
                <c:pt idx="307">
                  <c:v>43225.557199074072</c:v>
                </c:pt>
                <c:pt idx="308">
                  <c:v>43225.515555555554</c:v>
                </c:pt>
                <c:pt idx="309">
                  <c:v>43225.473958333336</c:v>
                </c:pt>
                <c:pt idx="310">
                  <c:v>43225.432314814818</c:v>
                </c:pt>
                <c:pt idx="311">
                  <c:v>43225.390740740739</c:v>
                </c:pt>
                <c:pt idx="312">
                  <c:v>43225.349108796298</c:v>
                </c:pt>
                <c:pt idx="313">
                  <c:v>43225.307511574072</c:v>
                </c:pt>
                <c:pt idx="314">
                  <c:v>43225.265914351854</c:v>
                </c:pt>
                <c:pt idx="315">
                  <c:v>43225.224317129629</c:v>
                </c:pt>
                <c:pt idx="316">
                  <c:v>43225.18273148148</c:v>
                </c:pt>
                <c:pt idx="317">
                  <c:v>43225.141099537039</c:v>
                </c:pt>
                <c:pt idx="318">
                  <c:v>43225.09951388889</c:v>
                </c:pt>
                <c:pt idx="319">
                  <c:v>43225.057870370372</c:v>
                </c:pt>
                <c:pt idx="320">
                  <c:v>43225.016250000001</c:v>
                </c:pt>
                <c:pt idx="321">
                  <c:v>43224.974699074075</c:v>
                </c:pt>
                <c:pt idx="322">
                  <c:v>43224.933067129627</c:v>
                </c:pt>
                <c:pt idx="323">
                  <c:v>43224.891435185185</c:v>
                </c:pt>
                <c:pt idx="324">
                  <c:v>43224.849791666667</c:v>
                </c:pt>
                <c:pt idx="325">
                  <c:v>43224.808159722219</c:v>
                </c:pt>
                <c:pt idx="326">
                  <c:v>43224.766550925924</c:v>
                </c:pt>
                <c:pt idx="327">
                  <c:v>43224.724895833337</c:v>
                </c:pt>
                <c:pt idx="328">
                  <c:v>43224.683252314811</c:v>
                </c:pt>
                <c:pt idx="329">
                  <c:v>43224.641608796293</c:v>
                </c:pt>
                <c:pt idx="330">
                  <c:v>43224.599976851852</c:v>
                </c:pt>
                <c:pt idx="331">
                  <c:v>43224.558368055557</c:v>
                </c:pt>
                <c:pt idx="332">
                  <c:v>43224.516736111109</c:v>
                </c:pt>
                <c:pt idx="333">
                  <c:v>43224.475092592591</c:v>
                </c:pt>
                <c:pt idx="334">
                  <c:v>43224.43346064815</c:v>
                </c:pt>
                <c:pt idx="335">
                  <c:v>43224.391793981478</c:v>
                </c:pt>
                <c:pt idx="336">
                  <c:v>43224.35015046296</c:v>
                </c:pt>
                <c:pt idx="337">
                  <c:v>43224.308541666665</c:v>
                </c:pt>
                <c:pt idx="338">
                  <c:v>43224.266909722224</c:v>
                </c:pt>
                <c:pt idx="339">
                  <c:v>43224.225277777776</c:v>
                </c:pt>
                <c:pt idx="340">
                  <c:v>43224.183645833335</c:v>
                </c:pt>
                <c:pt idx="341">
                  <c:v>43224.142002314817</c:v>
                </c:pt>
                <c:pt idx="342">
                  <c:v>43224.100439814814</c:v>
                </c:pt>
                <c:pt idx="343">
                  <c:v>43224.058865740742</c:v>
                </c:pt>
                <c:pt idx="344">
                  <c:v>43224.017256944448</c:v>
                </c:pt>
                <c:pt idx="345">
                  <c:v>43223.975648148145</c:v>
                </c:pt>
                <c:pt idx="346">
                  <c:v>43223.934120370373</c:v>
                </c:pt>
                <c:pt idx="347">
                  <c:v>43223.892500000002</c:v>
                </c:pt>
                <c:pt idx="348">
                  <c:v>43223.850914351853</c:v>
                </c:pt>
                <c:pt idx="349">
                  <c:v>43223.809317129628</c:v>
                </c:pt>
                <c:pt idx="350">
                  <c:v>43223.76767361111</c:v>
                </c:pt>
                <c:pt idx="351">
                  <c:v>43223.726064814815</c:v>
                </c:pt>
                <c:pt idx="352">
                  <c:v>43223.684444444443</c:v>
                </c:pt>
                <c:pt idx="353">
                  <c:v>43223.642835648148</c:v>
                </c:pt>
                <c:pt idx="354">
                  <c:v>43223.60119212963</c:v>
                </c:pt>
                <c:pt idx="355">
                  <c:v>43223.559583333335</c:v>
                </c:pt>
                <c:pt idx="356">
                  <c:v>43223.517951388887</c:v>
                </c:pt>
                <c:pt idx="357">
                  <c:v>43223.476342592592</c:v>
                </c:pt>
                <c:pt idx="358">
                  <c:v>43223.434733796297</c:v>
                </c:pt>
                <c:pt idx="359">
                  <c:v>43223.393090277779</c:v>
                </c:pt>
                <c:pt idx="360">
                  <c:v>43223.351469907408</c:v>
                </c:pt>
                <c:pt idx="361">
                  <c:v>43223.309861111113</c:v>
                </c:pt>
                <c:pt idx="362">
                  <c:v>43223.268206018518</c:v>
                </c:pt>
                <c:pt idx="363">
                  <c:v>43223.226585648146</c:v>
                </c:pt>
                <c:pt idx="364">
                  <c:v>43223.184953703705</c:v>
                </c:pt>
                <c:pt idx="365">
                  <c:v>43223.143333333333</c:v>
                </c:pt>
                <c:pt idx="366">
                  <c:v>43223.101724537039</c:v>
                </c:pt>
                <c:pt idx="367">
                  <c:v>43223.060104166667</c:v>
                </c:pt>
                <c:pt idx="368">
                  <c:v>43223.018460648149</c:v>
                </c:pt>
                <c:pt idx="369">
                  <c:v>43222.9768287037</c:v>
                </c:pt>
                <c:pt idx="370">
                  <c:v>43222.935208333336</c:v>
                </c:pt>
                <c:pt idx="371">
                  <c:v>43222.893553240741</c:v>
                </c:pt>
                <c:pt idx="372">
                  <c:v>43222.851979166669</c:v>
                </c:pt>
                <c:pt idx="373">
                  <c:v>43222.810416666667</c:v>
                </c:pt>
                <c:pt idx="374">
                  <c:v>43222.768784722219</c:v>
                </c:pt>
                <c:pt idx="375">
                  <c:v>43222.727152777778</c:v>
                </c:pt>
                <c:pt idx="376">
                  <c:v>43222.685532407406</c:v>
                </c:pt>
                <c:pt idx="377">
                  <c:v>43222.643923611111</c:v>
                </c:pt>
                <c:pt idx="378">
                  <c:v>43222.602337962962</c:v>
                </c:pt>
                <c:pt idx="379">
                  <c:v>43222.560729166667</c:v>
                </c:pt>
                <c:pt idx="380">
                  <c:v>43222.519120370373</c:v>
                </c:pt>
                <c:pt idx="381">
                  <c:v>43222.477488425924</c:v>
                </c:pt>
                <c:pt idx="382">
                  <c:v>43222.435902777775</c:v>
                </c:pt>
                <c:pt idx="383">
                  <c:v>43222.394270833334</c:v>
                </c:pt>
                <c:pt idx="384">
                  <c:v>43222.352743055555</c:v>
                </c:pt>
                <c:pt idx="385">
                  <c:v>43222.311122685183</c:v>
                </c:pt>
                <c:pt idx="386">
                  <c:v>43222.269606481481</c:v>
                </c:pt>
                <c:pt idx="387">
                  <c:v>43222.228009259263</c:v>
                </c:pt>
                <c:pt idx="388">
                  <c:v>43222.186377314814</c:v>
                </c:pt>
                <c:pt idx="389">
                  <c:v>43222.144837962966</c:v>
                </c:pt>
                <c:pt idx="390">
                  <c:v>43222.103217592594</c:v>
                </c:pt>
                <c:pt idx="391">
                  <c:v>43222.061597222222</c:v>
                </c:pt>
                <c:pt idx="392">
                  <c:v>43222.019988425927</c:v>
                </c:pt>
                <c:pt idx="393">
                  <c:v>43221.978472222225</c:v>
                </c:pt>
                <c:pt idx="394">
                  <c:v>43221.936840277776</c:v>
                </c:pt>
                <c:pt idx="395">
                  <c:v>43221.895243055558</c:v>
                </c:pt>
                <c:pt idx="396">
                  <c:v>43221.853680555556</c:v>
                </c:pt>
                <c:pt idx="397">
                  <c:v>43221.812060185184</c:v>
                </c:pt>
                <c:pt idx="398">
                  <c:v>43221.770497685182</c:v>
                </c:pt>
                <c:pt idx="399">
                  <c:v>43221.728854166664</c:v>
                </c:pt>
                <c:pt idx="400">
                  <c:v>43221.687222222223</c:v>
                </c:pt>
                <c:pt idx="401">
                  <c:v>43221.645590277774</c:v>
                </c:pt>
                <c:pt idx="402">
                  <c:v>43221.603935185187</c:v>
                </c:pt>
                <c:pt idx="403">
                  <c:v>43221.562291666669</c:v>
                </c:pt>
                <c:pt idx="404">
                  <c:v>43221.52065972222</c:v>
                </c:pt>
                <c:pt idx="405">
                  <c:v>43221.479050925926</c:v>
                </c:pt>
                <c:pt idx="406">
                  <c:v>43221.437476851854</c:v>
                </c:pt>
                <c:pt idx="407">
                  <c:v>43221.395833333336</c:v>
                </c:pt>
                <c:pt idx="408">
                  <c:v>43221.354224537034</c:v>
                </c:pt>
                <c:pt idx="409">
                  <c:v>43221.312604166669</c:v>
                </c:pt>
                <c:pt idx="410">
                  <c:v>43221.271018518521</c:v>
                </c:pt>
                <c:pt idx="411">
                  <c:v>43221.229467592595</c:v>
                </c:pt>
                <c:pt idx="412">
                  <c:v>43221.187939814816</c:v>
                </c:pt>
                <c:pt idx="413">
                  <c:v>43221.146365740744</c:v>
                </c:pt>
                <c:pt idx="414">
                  <c:v>43221.104837962965</c:v>
                </c:pt>
                <c:pt idx="415">
                  <c:v>43221.063217592593</c:v>
                </c:pt>
                <c:pt idx="416">
                  <c:v>43221.021608796298</c:v>
                </c:pt>
                <c:pt idx="417">
                  <c:v>43220.98</c:v>
                </c:pt>
                <c:pt idx="418">
                  <c:v>43220.938506944447</c:v>
                </c:pt>
                <c:pt idx="419">
                  <c:v>43220.896886574075</c:v>
                </c:pt>
                <c:pt idx="420">
                  <c:v>43220.855266203704</c:v>
                </c:pt>
                <c:pt idx="421">
                  <c:v>43220.813715277778</c:v>
                </c:pt>
                <c:pt idx="422">
                  <c:v>43220.772106481483</c:v>
                </c:pt>
                <c:pt idx="423">
                  <c:v>43220.730543981481</c:v>
                </c:pt>
                <c:pt idx="424">
                  <c:v>43220.688935185186</c:v>
                </c:pt>
                <c:pt idx="425">
                  <c:v>43220.647314814814</c:v>
                </c:pt>
                <c:pt idx="426">
                  <c:v>43220.605821759258</c:v>
                </c:pt>
                <c:pt idx="427">
                  <c:v>43220.564201388886</c:v>
                </c:pt>
                <c:pt idx="428">
                  <c:v>43220.522581018522</c:v>
                </c:pt>
                <c:pt idx="429">
                  <c:v>43220.48101851852</c:v>
                </c:pt>
                <c:pt idx="430">
                  <c:v>43220.439386574071</c:v>
                </c:pt>
                <c:pt idx="431">
                  <c:v>43220.397743055553</c:v>
                </c:pt>
                <c:pt idx="432">
                  <c:v>43220.356111111112</c:v>
                </c:pt>
                <c:pt idx="433">
                  <c:v>43220.314502314817</c:v>
                </c:pt>
                <c:pt idx="434">
                  <c:v>43220.272858796299</c:v>
                </c:pt>
                <c:pt idx="435">
                  <c:v>43220.231273148151</c:v>
                </c:pt>
                <c:pt idx="436">
                  <c:v>43220.189652777779</c:v>
                </c:pt>
                <c:pt idx="437">
                  <c:v>43220.148159722223</c:v>
                </c:pt>
                <c:pt idx="438">
                  <c:v>43220.106562499997</c:v>
                </c:pt>
                <c:pt idx="439">
                  <c:v>43220.065023148149</c:v>
                </c:pt>
                <c:pt idx="440">
                  <c:v>43220.0234375</c:v>
                </c:pt>
                <c:pt idx="441">
                  <c:v>43219.981909722221</c:v>
                </c:pt>
                <c:pt idx="442">
                  <c:v>43219.940358796295</c:v>
                </c:pt>
                <c:pt idx="443">
                  <c:v>43219.898726851854</c:v>
                </c:pt>
                <c:pt idx="444">
                  <c:v>43219.857094907406</c:v>
                </c:pt>
                <c:pt idx="445">
                  <c:v>43219.815532407411</c:v>
                </c:pt>
                <c:pt idx="446">
                  <c:v>43219.773969907408</c:v>
                </c:pt>
                <c:pt idx="447">
                  <c:v>43219.73238425926</c:v>
                </c:pt>
                <c:pt idx="448">
                  <c:v>43219.690798611111</c:v>
                </c:pt>
                <c:pt idx="449">
                  <c:v>43219.649224537039</c:v>
                </c:pt>
                <c:pt idx="450">
                  <c:v>43219.607604166667</c:v>
                </c:pt>
                <c:pt idx="451">
                  <c:v>43219.566041666665</c:v>
                </c:pt>
                <c:pt idx="452">
                  <c:v>43219.524398148147</c:v>
                </c:pt>
                <c:pt idx="453">
                  <c:v>43219.482870370368</c:v>
                </c:pt>
                <c:pt idx="454">
                  <c:v>43219.441238425927</c:v>
                </c:pt>
                <c:pt idx="455">
                  <c:v>43219.399606481478</c:v>
                </c:pt>
                <c:pt idx="456">
                  <c:v>43219.357974537037</c:v>
                </c:pt>
                <c:pt idx="457">
                  <c:v>43219.316365740742</c:v>
                </c:pt>
                <c:pt idx="458">
                  <c:v>43219.274756944447</c:v>
                </c:pt>
                <c:pt idx="459">
                  <c:v>43219.233148148145</c:v>
                </c:pt>
                <c:pt idx="460">
                  <c:v>43219.191550925927</c:v>
                </c:pt>
                <c:pt idx="461">
                  <c:v>43219.149988425925</c:v>
                </c:pt>
                <c:pt idx="462">
                  <c:v>43219.108449074076</c:v>
                </c:pt>
                <c:pt idx="463">
                  <c:v>43219.066817129627</c:v>
                </c:pt>
                <c:pt idx="464">
                  <c:v>43219.025254629632</c:v>
                </c:pt>
                <c:pt idx="465">
                  <c:v>43218.983680555553</c:v>
                </c:pt>
                <c:pt idx="466">
                  <c:v>43218.942129629628</c:v>
                </c:pt>
                <c:pt idx="467">
                  <c:v>43218.900567129633</c:v>
                </c:pt>
                <c:pt idx="468">
                  <c:v>43218.858993055554</c:v>
                </c:pt>
                <c:pt idx="469">
                  <c:v>43218.817361111112</c:v>
                </c:pt>
                <c:pt idx="470">
                  <c:v>43218.775729166664</c:v>
                </c:pt>
                <c:pt idx="471">
                  <c:v>43218.734166666669</c:v>
                </c:pt>
                <c:pt idx="472">
                  <c:v>43218.69253472222</c:v>
                </c:pt>
                <c:pt idx="473">
                  <c:v>43218.650995370372</c:v>
                </c:pt>
                <c:pt idx="474">
                  <c:v>43218.609432870369</c:v>
                </c:pt>
                <c:pt idx="475">
                  <c:v>43218.567858796298</c:v>
                </c:pt>
                <c:pt idx="476">
                  <c:v>43218.526250000003</c:v>
                </c:pt>
                <c:pt idx="477">
                  <c:v>43218.484618055554</c:v>
                </c:pt>
                <c:pt idx="478">
                  <c:v>43218.443090277775</c:v>
                </c:pt>
                <c:pt idx="479">
                  <c:v>43218.401469907411</c:v>
                </c:pt>
                <c:pt idx="480">
                  <c:v>43218.359826388885</c:v>
                </c:pt>
                <c:pt idx="481">
                  <c:v>43218.318182870367</c:v>
                </c:pt>
                <c:pt idx="482">
                  <c:v>43218.276550925926</c:v>
                </c:pt>
                <c:pt idx="483">
                  <c:v>43218.234930555554</c:v>
                </c:pt>
                <c:pt idx="484">
                  <c:v>43218.193310185183</c:v>
                </c:pt>
                <c:pt idx="485">
                  <c:v>43218.151678240742</c:v>
                </c:pt>
                <c:pt idx="486">
                  <c:v>43218.110115740739</c:v>
                </c:pt>
                <c:pt idx="487">
                  <c:v>43218.068564814814</c:v>
                </c:pt>
                <c:pt idx="488">
                  <c:v>43218.027002314811</c:v>
                </c:pt>
                <c:pt idx="489">
                  <c:v>43217.98542824074</c:v>
                </c:pt>
                <c:pt idx="490">
                  <c:v>43217.943842592591</c:v>
                </c:pt>
                <c:pt idx="491">
                  <c:v>43217.902222222219</c:v>
                </c:pt>
                <c:pt idx="492">
                  <c:v>43217.860590277778</c:v>
                </c:pt>
                <c:pt idx="493">
                  <c:v>43217.818969907406</c:v>
                </c:pt>
                <c:pt idx="494">
                  <c:v>43217.777361111112</c:v>
                </c:pt>
                <c:pt idx="495">
                  <c:v>43217.735729166663</c:v>
                </c:pt>
                <c:pt idx="496">
                  <c:v>43217.694085648145</c:v>
                </c:pt>
                <c:pt idx="497">
                  <c:v>43217.652511574073</c:v>
                </c:pt>
                <c:pt idx="498">
                  <c:v>43217.610983796294</c:v>
                </c:pt>
                <c:pt idx="499">
                  <c:v>43217.569386574076</c:v>
                </c:pt>
                <c:pt idx="500">
                  <c:v>43217.527824074074</c:v>
                </c:pt>
                <c:pt idx="501">
                  <c:v>43217.486296296294</c:v>
                </c:pt>
                <c:pt idx="502">
                  <c:v>43217.444791666669</c:v>
                </c:pt>
                <c:pt idx="503">
                  <c:v>43217.403194444443</c:v>
                </c:pt>
                <c:pt idx="504">
                  <c:v>43217.361562500002</c:v>
                </c:pt>
                <c:pt idx="505">
                  <c:v>43217.319918981484</c:v>
                </c:pt>
                <c:pt idx="506">
                  <c:v>43217.278368055559</c:v>
                </c:pt>
                <c:pt idx="507">
                  <c:v>43217.236770833333</c:v>
                </c:pt>
                <c:pt idx="508">
                  <c:v>43217.195115740738</c:v>
                </c:pt>
                <c:pt idx="509">
                  <c:v>43217.15351851852</c:v>
                </c:pt>
                <c:pt idx="510">
                  <c:v>43217.111944444441</c:v>
                </c:pt>
                <c:pt idx="511">
                  <c:v>43217.0703125</c:v>
                </c:pt>
                <c:pt idx="512">
                  <c:v>43217.028749999998</c:v>
                </c:pt>
                <c:pt idx="513">
                  <c:v>43216.987326388888</c:v>
                </c:pt>
                <c:pt idx="514">
                  <c:v>43216.945740740739</c:v>
                </c:pt>
                <c:pt idx="515">
                  <c:v>43216.904131944444</c:v>
                </c:pt>
                <c:pt idx="516">
                  <c:v>43216.862476851849</c:v>
                </c:pt>
                <c:pt idx="517">
                  <c:v>43216.820844907408</c:v>
                </c:pt>
                <c:pt idx="518">
                  <c:v>43216.779247685183</c:v>
                </c:pt>
                <c:pt idx="519">
                  <c:v>43216.737615740742</c:v>
                </c:pt>
                <c:pt idx="520">
                  <c:v>43216.695983796293</c:v>
                </c:pt>
                <c:pt idx="521">
                  <c:v>43216.654386574075</c:v>
                </c:pt>
                <c:pt idx="522">
                  <c:v>43216.612766203703</c:v>
                </c:pt>
                <c:pt idx="523">
                  <c:v>43216.571134259262</c:v>
                </c:pt>
                <c:pt idx="524">
                  <c:v>43216.529490740744</c:v>
                </c:pt>
                <c:pt idx="525">
                  <c:v>43216.495578703703</c:v>
                </c:pt>
                <c:pt idx="526">
                  <c:v>43216.487916666665</c:v>
                </c:pt>
                <c:pt idx="527">
                  <c:v>43216.446296296293</c:v>
                </c:pt>
                <c:pt idx="528">
                  <c:v>43216.404699074075</c:v>
                </c:pt>
                <c:pt idx="529">
                  <c:v>43216.363078703704</c:v>
                </c:pt>
                <c:pt idx="530">
                  <c:v>43216.321458333332</c:v>
                </c:pt>
                <c:pt idx="531">
                  <c:v>43216.279861111114</c:v>
                </c:pt>
                <c:pt idx="532">
                  <c:v>43216.238252314812</c:v>
                </c:pt>
                <c:pt idx="533">
                  <c:v>43216.196608796294</c:v>
                </c:pt>
                <c:pt idx="534">
                  <c:v>43216.154976851853</c:v>
                </c:pt>
                <c:pt idx="535">
                  <c:v>43216.113344907404</c:v>
                </c:pt>
                <c:pt idx="536">
                  <c:v>43216.071701388886</c:v>
                </c:pt>
                <c:pt idx="537">
                  <c:v>43216.030104166668</c:v>
                </c:pt>
                <c:pt idx="538">
                  <c:v>43215.988506944443</c:v>
                </c:pt>
                <c:pt idx="539">
                  <c:v>43215.946909722225</c:v>
                </c:pt>
                <c:pt idx="540">
                  <c:v>43215.905324074076</c:v>
                </c:pt>
                <c:pt idx="541">
                  <c:v>43215.863738425927</c:v>
                </c:pt>
                <c:pt idx="542">
                  <c:v>43215.822118055556</c:v>
                </c:pt>
                <c:pt idx="543">
                  <c:v>43215.780509259261</c:v>
                </c:pt>
                <c:pt idx="544">
                  <c:v>43215.738888888889</c:v>
                </c:pt>
                <c:pt idx="545">
                  <c:v>43215.69730324074</c:v>
                </c:pt>
                <c:pt idx="546">
                  <c:v>43215.655671296299</c:v>
                </c:pt>
                <c:pt idx="547">
                  <c:v>43215.614039351851</c:v>
                </c:pt>
                <c:pt idx="548">
                  <c:v>43215.572418981479</c:v>
                </c:pt>
                <c:pt idx="549">
                  <c:v>43215.530775462961</c:v>
                </c:pt>
                <c:pt idx="550">
                  <c:v>43215.489155092589</c:v>
                </c:pt>
                <c:pt idx="551">
                  <c:v>43215.447534722225</c:v>
                </c:pt>
                <c:pt idx="552">
                  <c:v>43215.405902777777</c:v>
                </c:pt>
                <c:pt idx="553">
                  <c:v>43215.364282407405</c:v>
                </c:pt>
                <c:pt idx="554">
                  <c:v>43215.322638888887</c:v>
                </c:pt>
                <c:pt idx="555">
                  <c:v>43215.281030092592</c:v>
                </c:pt>
                <c:pt idx="556">
                  <c:v>43215.239421296297</c:v>
                </c:pt>
                <c:pt idx="557">
                  <c:v>43215.197777777779</c:v>
                </c:pt>
                <c:pt idx="558">
                  <c:v>43215.156134259261</c:v>
                </c:pt>
                <c:pt idx="559">
                  <c:v>43215.114502314813</c:v>
                </c:pt>
                <c:pt idx="560">
                  <c:v>43215.072870370372</c:v>
                </c:pt>
                <c:pt idx="561">
                  <c:v>43215.031238425923</c:v>
                </c:pt>
                <c:pt idx="562">
                  <c:v>43214.989583333336</c:v>
                </c:pt>
                <c:pt idx="563">
                  <c:v>43214.94798611111</c:v>
                </c:pt>
                <c:pt idx="564">
                  <c:v>43214.906365740739</c:v>
                </c:pt>
                <c:pt idx="565">
                  <c:v>43214.86478009259</c:v>
                </c:pt>
                <c:pt idx="566">
                  <c:v>43214.823159722226</c:v>
                </c:pt>
                <c:pt idx="567">
                  <c:v>43214.781597222223</c:v>
                </c:pt>
                <c:pt idx="568">
                  <c:v>43214.739976851852</c:v>
                </c:pt>
                <c:pt idx="569">
                  <c:v>43214.698379629626</c:v>
                </c:pt>
                <c:pt idx="570">
                  <c:v>43214.656770833331</c:v>
                </c:pt>
                <c:pt idx="571">
                  <c:v>43214.61515046296</c:v>
                </c:pt>
                <c:pt idx="572">
                  <c:v>43214.573553240742</c:v>
                </c:pt>
                <c:pt idx="573">
                  <c:v>43214.531956018516</c:v>
                </c:pt>
                <c:pt idx="574">
                  <c:v>43214.490324074075</c:v>
                </c:pt>
                <c:pt idx="575">
                  <c:v>43214.448680555557</c:v>
                </c:pt>
                <c:pt idx="576">
                  <c:v>43214.407071759262</c:v>
                </c:pt>
                <c:pt idx="577">
                  <c:v>43214.365428240744</c:v>
                </c:pt>
                <c:pt idx="578">
                  <c:v>43214.323807870373</c:v>
                </c:pt>
                <c:pt idx="579">
                  <c:v>43214.282175925924</c:v>
                </c:pt>
                <c:pt idx="580">
                  <c:v>43214.240567129629</c:v>
                </c:pt>
                <c:pt idx="581">
                  <c:v>43214.198935185188</c:v>
                </c:pt>
                <c:pt idx="582">
                  <c:v>43214.15729166667</c:v>
                </c:pt>
                <c:pt idx="583">
                  <c:v>43214.115648148145</c:v>
                </c:pt>
                <c:pt idx="584">
                  <c:v>43214.07402777778</c:v>
                </c:pt>
                <c:pt idx="585">
                  <c:v>43214.032442129632</c:v>
                </c:pt>
                <c:pt idx="586">
                  <c:v>43213.990810185183</c:v>
                </c:pt>
                <c:pt idx="587">
                  <c:v>43213.949201388888</c:v>
                </c:pt>
                <c:pt idx="588">
                  <c:v>43213.907581018517</c:v>
                </c:pt>
                <c:pt idx="589">
                  <c:v>43213.865960648145</c:v>
                </c:pt>
                <c:pt idx="590">
                  <c:v>43213.824340277781</c:v>
                </c:pt>
                <c:pt idx="591">
                  <c:v>43213.782696759263</c:v>
                </c:pt>
                <c:pt idx="592">
                  <c:v>43213.741053240738</c:v>
                </c:pt>
                <c:pt idx="593">
                  <c:v>43213.524756944447</c:v>
                </c:pt>
                <c:pt idx="594">
                  <c:v>43213.483113425929</c:v>
                </c:pt>
                <c:pt idx="595">
                  <c:v>43213.441493055558</c:v>
                </c:pt>
                <c:pt idx="596">
                  <c:v>43213.399872685186</c:v>
                </c:pt>
                <c:pt idx="597">
                  <c:v>43213.358229166668</c:v>
                </c:pt>
                <c:pt idx="598">
                  <c:v>43213.31659722222</c:v>
                </c:pt>
                <c:pt idx="599">
                  <c:v>43213.274942129632</c:v>
                </c:pt>
                <c:pt idx="600">
                  <c:v>43213.233298611114</c:v>
                </c:pt>
                <c:pt idx="601">
                  <c:v>43213.191689814812</c:v>
                </c:pt>
                <c:pt idx="602">
                  <c:v>43213.150185185186</c:v>
                </c:pt>
                <c:pt idx="603">
                  <c:v>43213.108541666668</c:v>
                </c:pt>
                <c:pt idx="604">
                  <c:v>43213.066979166666</c:v>
                </c:pt>
                <c:pt idx="605">
                  <c:v>43213.025381944448</c:v>
                </c:pt>
                <c:pt idx="606">
                  <c:v>43212.983831018515</c:v>
                </c:pt>
                <c:pt idx="607">
                  <c:v>43212.942245370374</c:v>
                </c:pt>
                <c:pt idx="608">
                  <c:v>43212.900717592594</c:v>
                </c:pt>
                <c:pt idx="609">
                  <c:v>43212.859143518515</c:v>
                </c:pt>
                <c:pt idx="610">
                  <c:v>43212.81753472222</c:v>
                </c:pt>
                <c:pt idx="611">
                  <c:v>43212.775902777779</c:v>
                </c:pt>
                <c:pt idx="612">
                  <c:v>43212.734259259261</c:v>
                </c:pt>
                <c:pt idx="613">
                  <c:v>43212.692673611113</c:v>
                </c:pt>
                <c:pt idx="614">
                  <c:v>43212.65111111111</c:v>
                </c:pt>
                <c:pt idx="615">
                  <c:v>43212.609606481485</c:v>
                </c:pt>
                <c:pt idx="616">
                  <c:v>43212.568078703705</c:v>
                </c:pt>
                <c:pt idx="617">
                  <c:v>43212.526423611111</c:v>
                </c:pt>
                <c:pt idx="618">
                  <c:v>43212.484803240739</c:v>
                </c:pt>
                <c:pt idx="619">
                  <c:v>43212.44321759259</c:v>
                </c:pt>
                <c:pt idx="620">
                  <c:v>43212.401689814818</c:v>
                </c:pt>
                <c:pt idx="621">
                  <c:v>43212.36005787037</c:v>
                </c:pt>
                <c:pt idx="622">
                  <c:v>43212.318472222221</c:v>
                </c:pt>
                <c:pt idx="623">
                  <c:v>43212.276828703703</c:v>
                </c:pt>
                <c:pt idx="624">
                  <c:v>43212.235208333332</c:v>
                </c:pt>
                <c:pt idx="625">
                  <c:v>43212.19358796296</c:v>
                </c:pt>
                <c:pt idx="626">
                  <c:v>43212.152002314811</c:v>
                </c:pt>
                <c:pt idx="627">
                  <c:v>43212.110405092593</c:v>
                </c:pt>
                <c:pt idx="628">
                  <c:v>43212.068877314814</c:v>
                </c:pt>
                <c:pt idx="629">
                  <c:v>43212.027256944442</c:v>
                </c:pt>
                <c:pt idx="630">
                  <c:v>43211.985659722224</c:v>
                </c:pt>
                <c:pt idx="631">
                  <c:v>43211.944062499999</c:v>
                </c:pt>
                <c:pt idx="632">
                  <c:v>43211.902511574073</c:v>
                </c:pt>
                <c:pt idx="633">
                  <c:v>43211.860902777778</c:v>
                </c:pt>
                <c:pt idx="634">
                  <c:v>43211.81931712963</c:v>
                </c:pt>
                <c:pt idx="635">
                  <c:v>43211.777719907404</c:v>
                </c:pt>
                <c:pt idx="636">
                  <c:v>43211.736122685186</c:v>
                </c:pt>
                <c:pt idx="637">
                  <c:v>43211.694490740738</c:v>
                </c:pt>
                <c:pt idx="638">
                  <c:v>43211.652881944443</c:v>
                </c:pt>
                <c:pt idx="639">
                  <c:v>43211.611250000002</c:v>
                </c:pt>
                <c:pt idx="640">
                  <c:v>43211.569675925923</c:v>
                </c:pt>
                <c:pt idx="641">
                  <c:v>43211.528124999997</c:v>
                </c:pt>
                <c:pt idx="642">
                  <c:v>43211.486516203702</c:v>
                </c:pt>
                <c:pt idx="643">
                  <c:v>43211.44494212963</c:v>
                </c:pt>
                <c:pt idx="644">
                  <c:v>43211.403321759259</c:v>
                </c:pt>
                <c:pt idx="645">
                  <c:v>43211.361712962964</c:v>
                </c:pt>
                <c:pt idx="646">
                  <c:v>43211.320115740738</c:v>
                </c:pt>
                <c:pt idx="647">
                  <c:v>43211.278506944444</c:v>
                </c:pt>
                <c:pt idx="648">
                  <c:v>43211.236851851849</c:v>
                </c:pt>
                <c:pt idx="649">
                  <c:v>43211.1952662037</c:v>
                </c:pt>
                <c:pt idx="650">
                  <c:v>43211.153645833336</c:v>
                </c:pt>
                <c:pt idx="651">
                  <c:v>43211.112164351849</c:v>
                </c:pt>
                <c:pt idx="652">
                  <c:v>43211.070567129631</c:v>
                </c:pt>
                <c:pt idx="653">
                  <c:v>43211.028981481482</c:v>
                </c:pt>
                <c:pt idx="654">
                  <c:v>43210.987442129626</c:v>
                </c:pt>
                <c:pt idx="655">
                  <c:v>43210.945798611108</c:v>
                </c:pt>
                <c:pt idx="656">
                  <c:v>43210.90425925926</c:v>
                </c:pt>
                <c:pt idx="657">
                  <c:v>43210.862627314818</c:v>
                </c:pt>
                <c:pt idx="658">
                  <c:v>43210.820983796293</c:v>
                </c:pt>
                <c:pt idx="659">
                  <c:v>43210.779351851852</c:v>
                </c:pt>
                <c:pt idx="660">
                  <c:v>43210.737743055557</c:v>
                </c:pt>
                <c:pt idx="661">
                  <c:v>43210.696087962962</c:v>
                </c:pt>
                <c:pt idx="662">
                  <c:v>43210.654502314814</c:v>
                </c:pt>
                <c:pt idx="663">
                  <c:v>43210.612905092596</c:v>
                </c:pt>
                <c:pt idx="664">
                  <c:v>43210.571319444447</c:v>
                </c:pt>
                <c:pt idx="665">
                  <c:v>43210.529687499999</c:v>
                </c:pt>
                <c:pt idx="666">
                  <c:v>43210.488125000003</c:v>
                </c:pt>
                <c:pt idx="667">
                  <c:v>43210.446527777778</c:v>
                </c:pt>
                <c:pt idx="668">
                  <c:v>43210.40488425926</c:v>
                </c:pt>
                <c:pt idx="669">
                  <c:v>43210.363263888888</c:v>
                </c:pt>
                <c:pt idx="670">
                  <c:v>43210.321712962963</c:v>
                </c:pt>
                <c:pt idx="671">
                  <c:v>43210.280104166668</c:v>
                </c:pt>
                <c:pt idx="672">
                  <c:v>43210.238483796296</c:v>
                </c:pt>
                <c:pt idx="673">
                  <c:v>43210.196863425925</c:v>
                </c:pt>
                <c:pt idx="674">
                  <c:v>43210.155347222222</c:v>
                </c:pt>
                <c:pt idx="675">
                  <c:v>43210.11383101852</c:v>
                </c:pt>
                <c:pt idx="676">
                  <c:v>43210.072222222225</c:v>
                </c:pt>
                <c:pt idx="677">
                  <c:v>43210.030671296299</c:v>
                </c:pt>
                <c:pt idx="678">
                  <c:v>43209.989062499997</c:v>
                </c:pt>
                <c:pt idx="679">
                  <c:v>43209.947488425925</c:v>
                </c:pt>
                <c:pt idx="680">
                  <c:v>43209.905914351853</c:v>
                </c:pt>
                <c:pt idx="681">
                  <c:v>43209.864340277774</c:v>
                </c:pt>
                <c:pt idx="682">
                  <c:v>43209.822731481479</c:v>
                </c:pt>
                <c:pt idx="683">
                  <c:v>43209.781087962961</c:v>
                </c:pt>
                <c:pt idx="684">
                  <c:v>43209.73945601852</c:v>
                </c:pt>
                <c:pt idx="685">
                  <c:v>43209.697824074072</c:v>
                </c:pt>
                <c:pt idx="686">
                  <c:v>43209.656192129631</c:v>
                </c:pt>
                <c:pt idx="687">
                  <c:v>43209.406736111108</c:v>
                </c:pt>
                <c:pt idx="688">
                  <c:v>43209.281828703701</c:v>
                </c:pt>
                <c:pt idx="689">
                  <c:v>43209.240231481483</c:v>
                </c:pt>
                <c:pt idx="690">
                  <c:v>43209.198599537034</c:v>
                </c:pt>
                <c:pt idx="691">
                  <c:v>43209.15697916667</c:v>
                </c:pt>
                <c:pt idx="692">
                  <c:v>43209.115381944444</c:v>
                </c:pt>
                <c:pt idx="693">
                  <c:v>43209.032175925924</c:v>
                </c:pt>
                <c:pt idx="694">
                  <c:v>43208.990532407406</c:v>
                </c:pt>
                <c:pt idx="695">
                  <c:v>43208.907268518517</c:v>
                </c:pt>
                <c:pt idx="696">
                  <c:v>43208.740752314814</c:v>
                </c:pt>
                <c:pt idx="697">
                  <c:v>43208.699143518519</c:v>
                </c:pt>
                <c:pt idx="698">
                  <c:v>43208.657557870371</c:v>
                </c:pt>
                <c:pt idx="699">
                  <c:v>43208.615937499999</c:v>
                </c:pt>
                <c:pt idx="700">
                  <c:v>43208.574317129627</c:v>
                </c:pt>
                <c:pt idx="701">
                  <c:v>43208.53266203704</c:v>
                </c:pt>
                <c:pt idx="702">
                  <c:v>43208.491041666668</c:v>
                </c:pt>
                <c:pt idx="703">
                  <c:v>43208.44940972222</c:v>
                </c:pt>
                <c:pt idx="704">
                  <c:v>43208.407754629632</c:v>
                </c:pt>
                <c:pt idx="705">
                  <c:v>43208.366157407407</c:v>
                </c:pt>
                <c:pt idx="706">
                  <c:v>43208.324537037035</c:v>
                </c:pt>
                <c:pt idx="707">
                  <c:v>43208.282916666663</c:v>
                </c:pt>
                <c:pt idx="708">
                  <c:v>43208.241284722222</c:v>
                </c:pt>
                <c:pt idx="709">
                  <c:v>43208.199664351851</c:v>
                </c:pt>
                <c:pt idx="710">
                  <c:v>43208.158032407409</c:v>
                </c:pt>
                <c:pt idx="711">
                  <c:v>43208.033125000002</c:v>
                </c:pt>
                <c:pt idx="712">
                  <c:v>43207.991516203707</c:v>
                </c:pt>
                <c:pt idx="713">
                  <c:v>43207.949930555558</c:v>
                </c:pt>
                <c:pt idx="714">
                  <c:v>43207.825023148151</c:v>
                </c:pt>
                <c:pt idx="715">
                  <c:v>43207.783391203702</c:v>
                </c:pt>
                <c:pt idx="716">
                  <c:v>43207.741759259261</c:v>
                </c:pt>
                <c:pt idx="717">
                  <c:v>43207.616886574076</c:v>
                </c:pt>
                <c:pt idx="718">
                  <c:v>43207.575277777774</c:v>
                </c:pt>
                <c:pt idx="719">
                  <c:v>43207.533645833333</c:v>
                </c:pt>
                <c:pt idx="720">
                  <c:v>43207.492025462961</c:v>
                </c:pt>
                <c:pt idx="721">
                  <c:v>43207.408784722225</c:v>
                </c:pt>
                <c:pt idx="722">
                  <c:v>43207.367152777777</c:v>
                </c:pt>
                <c:pt idx="723">
                  <c:v>43207.325532407405</c:v>
                </c:pt>
                <c:pt idx="724">
                  <c:v>43207.242256944446</c:v>
                </c:pt>
                <c:pt idx="725">
                  <c:v>43207.15896990741</c:v>
                </c:pt>
                <c:pt idx="726">
                  <c:v>43207.117326388892</c:v>
                </c:pt>
                <c:pt idx="727">
                  <c:v>43207.075729166667</c:v>
                </c:pt>
                <c:pt idx="728">
                  <c:v>43207.034074074072</c:v>
                </c:pt>
                <c:pt idx="729">
                  <c:v>43206.992476851854</c:v>
                </c:pt>
                <c:pt idx="730">
                  <c:v>43206.825960648152</c:v>
                </c:pt>
                <c:pt idx="731">
                  <c:v>43206.784328703703</c:v>
                </c:pt>
                <c:pt idx="732">
                  <c:v>43206.742685185185</c:v>
                </c:pt>
                <c:pt idx="733">
                  <c:v>43206.576226851852</c:v>
                </c:pt>
                <c:pt idx="734">
                  <c:v>43206.53460648148</c:v>
                </c:pt>
                <c:pt idx="735">
                  <c:v>43206.451377314814</c:v>
                </c:pt>
                <c:pt idx="736">
                  <c:v>43206.409756944442</c:v>
                </c:pt>
                <c:pt idx="737">
                  <c:v>43206.368136574078</c:v>
                </c:pt>
                <c:pt idx="738">
                  <c:v>43206.326527777775</c:v>
                </c:pt>
                <c:pt idx="739">
                  <c:v>43206.284907407404</c:v>
                </c:pt>
                <c:pt idx="740">
                  <c:v>43206.243287037039</c:v>
                </c:pt>
                <c:pt idx="741">
                  <c:v>43206.201643518521</c:v>
                </c:pt>
                <c:pt idx="742">
                  <c:v>43206.160011574073</c:v>
                </c:pt>
                <c:pt idx="743">
                  <c:v>43206.076770833337</c:v>
                </c:pt>
                <c:pt idx="744">
                  <c:v>43206.035138888888</c:v>
                </c:pt>
                <c:pt idx="745">
                  <c:v>43205.99355324074</c:v>
                </c:pt>
                <c:pt idx="746">
                  <c:v>43205.951944444445</c:v>
                </c:pt>
                <c:pt idx="747">
                  <c:v>43205.868703703702</c:v>
                </c:pt>
                <c:pt idx="748">
                  <c:v>43205.827094907407</c:v>
                </c:pt>
                <c:pt idx="749">
                  <c:v>43205.785486111112</c:v>
                </c:pt>
                <c:pt idx="750">
                  <c:v>43205.743854166663</c:v>
                </c:pt>
                <c:pt idx="751">
                  <c:v>43205.702222222222</c:v>
                </c:pt>
                <c:pt idx="752">
                  <c:v>43205.660590277781</c:v>
                </c:pt>
                <c:pt idx="753">
                  <c:v>43205.618946759256</c:v>
                </c:pt>
                <c:pt idx="754">
                  <c:v>43205.535821759258</c:v>
                </c:pt>
                <c:pt idx="755">
                  <c:v>43205.494155092594</c:v>
                </c:pt>
                <c:pt idx="756">
                  <c:v>43205.452523148146</c:v>
                </c:pt>
                <c:pt idx="757">
                  <c:v>43205.410879629628</c:v>
                </c:pt>
                <c:pt idx="758">
                  <c:v>43205.369247685187</c:v>
                </c:pt>
                <c:pt idx="759">
                  <c:v>43205.286030092589</c:v>
                </c:pt>
                <c:pt idx="760">
                  <c:v>43205.244375000002</c:v>
                </c:pt>
                <c:pt idx="761">
                  <c:v>43205.202800925923</c:v>
                </c:pt>
                <c:pt idx="762">
                  <c:v>43205.161145833335</c:v>
                </c:pt>
                <c:pt idx="763">
                  <c:v>43205.119525462964</c:v>
                </c:pt>
                <c:pt idx="764">
                  <c:v>43205.077939814815</c:v>
                </c:pt>
                <c:pt idx="765">
                  <c:v>43205.036435185182</c:v>
                </c:pt>
                <c:pt idx="766">
                  <c:v>43204.995011574072</c:v>
                </c:pt>
                <c:pt idx="767">
                  <c:v>43204.911840277775</c:v>
                </c:pt>
                <c:pt idx="768">
                  <c:v>43204.828611111108</c:v>
                </c:pt>
                <c:pt idx="769">
                  <c:v>43204.745358796295</c:v>
                </c:pt>
                <c:pt idx="770">
                  <c:v>43204.620451388888</c:v>
                </c:pt>
                <c:pt idx="771">
                  <c:v>43204.537199074075</c:v>
                </c:pt>
                <c:pt idx="772">
                  <c:v>43204.453981481478</c:v>
                </c:pt>
                <c:pt idx="773">
                  <c:v>43204.41233796296</c:v>
                </c:pt>
                <c:pt idx="774">
                  <c:v>43204.370752314811</c:v>
                </c:pt>
                <c:pt idx="775">
                  <c:v>43204.287627314814</c:v>
                </c:pt>
                <c:pt idx="776">
                  <c:v>43204.204386574071</c:v>
                </c:pt>
                <c:pt idx="777">
                  <c:v>43204.162835648145</c:v>
                </c:pt>
                <c:pt idx="778">
                  <c:v>43204.121180555558</c:v>
                </c:pt>
                <c:pt idx="779">
                  <c:v>43204.03806712963</c:v>
                </c:pt>
                <c:pt idx="780">
                  <c:v>43203.996423611112</c:v>
                </c:pt>
                <c:pt idx="781">
                  <c:v>43203.954918981479</c:v>
                </c:pt>
                <c:pt idx="782">
                  <c:v>43203.913310185184</c:v>
                </c:pt>
                <c:pt idx="783">
                  <c:v>43203.871701388889</c:v>
                </c:pt>
                <c:pt idx="784">
                  <c:v>43203.830069444448</c:v>
                </c:pt>
                <c:pt idx="785">
                  <c:v>43203.788460648146</c:v>
                </c:pt>
                <c:pt idx="786">
                  <c:v>43203.746828703705</c:v>
                </c:pt>
                <c:pt idx="787">
                  <c:v>43203.705196759256</c:v>
                </c:pt>
                <c:pt idx="788">
                  <c:v>43203.62195601852</c:v>
                </c:pt>
                <c:pt idx="789">
                  <c:v>43203.580324074072</c:v>
                </c:pt>
                <c:pt idx="790">
                  <c:v>43203.497129629628</c:v>
                </c:pt>
                <c:pt idx="791">
                  <c:v>43203.413854166669</c:v>
                </c:pt>
                <c:pt idx="792">
                  <c:v>43203.37222222222</c:v>
                </c:pt>
                <c:pt idx="793">
                  <c:v>43203.288981481484</c:v>
                </c:pt>
                <c:pt idx="794">
                  <c:v>43203.247361111113</c:v>
                </c:pt>
                <c:pt idx="795">
                  <c:v>43203.080891203703</c:v>
                </c:pt>
                <c:pt idx="796">
                  <c:v>43203.039340277777</c:v>
                </c:pt>
                <c:pt idx="797">
                  <c:v>43202.997685185182</c:v>
                </c:pt>
                <c:pt idx="798">
                  <c:v>43202.956076388888</c:v>
                </c:pt>
                <c:pt idx="799">
                  <c:v>43202.914467592593</c:v>
                </c:pt>
                <c:pt idx="800">
                  <c:v>43202.872881944444</c:v>
                </c:pt>
                <c:pt idx="801">
                  <c:v>43202.831273148149</c:v>
                </c:pt>
                <c:pt idx="802">
                  <c:v>43202.789629629631</c:v>
                </c:pt>
                <c:pt idx="803">
                  <c:v>43202.747997685183</c:v>
                </c:pt>
                <c:pt idx="804">
                  <c:v>43202.664733796293</c:v>
                </c:pt>
                <c:pt idx="805">
                  <c:v>43202.623124999998</c:v>
                </c:pt>
                <c:pt idx="806">
                  <c:v>43202.581504629627</c:v>
                </c:pt>
                <c:pt idx="807">
                  <c:v>43202.581504629627</c:v>
                </c:pt>
                <c:pt idx="808">
                  <c:v>43202.539884259262</c:v>
                </c:pt>
                <c:pt idx="809">
                  <c:v>43202.456712962965</c:v>
                </c:pt>
                <c:pt idx="810">
                  <c:v>43202.331828703704</c:v>
                </c:pt>
                <c:pt idx="811">
                  <c:v>43202.248622685183</c:v>
                </c:pt>
                <c:pt idx="812">
                  <c:v>43202.206967592596</c:v>
                </c:pt>
                <c:pt idx="813">
                  <c:v>43202.04047453704</c:v>
                </c:pt>
                <c:pt idx="814">
                  <c:v>43201.957256944443</c:v>
                </c:pt>
                <c:pt idx="815">
                  <c:v>43201.915613425925</c:v>
                </c:pt>
                <c:pt idx="816">
                  <c:v>43201.874062499999</c:v>
                </c:pt>
                <c:pt idx="817">
                  <c:v>43201.832453703704</c:v>
                </c:pt>
                <c:pt idx="818">
                  <c:v>43201.790810185186</c:v>
                </c:pt>
                <c:pt idx="819">
                  <c:v>43201.750358796293</c:v>
                </c:pt>
                <c:pt idx="820">
                  <c:v>43201.541076388887</c:v>
                </c:pt>
                <c:pt idx="821">
                  <c:v>43201.499537037038</c:v>
                </c:pt>
                <c:pt idx="822">
                  <c:v>43201.416319444441</c:v>
                </c:pt>
                <c:pt idx="823">
                  <c:v>43201.374745370369</c:v>
                </c:pt>
                <c:pt idx="824">
                  <c:v>43201.208437499998</c:v>
                </c:pt>
                <c:pt idx="825">
                  <c:v>43201.166898148149</c:v>
                </c:pt>
                <c:pt idx="826">
                  <c:v>43201.083703703705</c:v>
                </c:pt>
                <c:pt idx="827">
                  <c:v>43200.875821759262</c:v>
                </c:pt>
                <c:pt idx="828">
                  <c:v>43200.792569444442</c:v>
                </c:pt>
                <c:pt idx="829">
                  <c:v>43200.750937500001</c:v>
                </c:pt>
                <c:pt idx="830">
                  <c:v>43200.709317129629</c:v>
                </c:pt>
                <c:pt idx="831">
                  <c:v>43200.667673611111</c:v>
                </c:pt>
                <c:pt idx="832">
                  <c:v>43200.62604166667</c:v>
                </c:pt>
                <c:pt idx="833">
                  <c:v>43200.584421296298</c:v>
                </c:pt>
                <c:pt idx="834">
                  <c:v>43200.54278935185</c:v>
                </c:pt>
                <c:pt idx="835">
                  <c:v>43200.501168981478</c:v>
                </c:pt>
                <c:pt idx="836">
                  <c:v>43200.459537037037</c:v>
                </c:pt>
                <c:pt idx="837">
                  <c:v>43200.417893518519</c:v>
                </c:pt>
                <c:pt idx="838">
                  <c:v>43200.376273148147</c:v>
                </c:pt>
                <c:pt idx="839">
                  <c:v>43200.334664351853</c:v>
                </c:pt>
                <c:pt idx="840">
                  <c:v>43200.293032407404</c:v>
                </c:pt>
                <c:pt idx="841">
                  <c:v>43200.251400462963</c:v>
                </c:pt>
                <c:pt idx="842">
                  <c:v>43200.209814814814</c:v>
                </c:pt>
                <c:pt idx="843">
                  <c:v>43200.168171296296</c:v>
                </c:pt>
                <c:pt idx="844">
                  <c:v>43200.126574074071</c:v>
                </c:pt>
                <c:pt idx="845">
                  <c:v>43200.043333333335</c:v>
                </c:pt>
                <c:pt idx="846">
                  <c:v>43200.001689814817</c:v>
                </c:pt>
                <c:pt idx="847">
                  <c:v>43199.960081018522</c:v>
                </c:pt>
                <c:pt idx="848">
                  <c:v>43199.876840277779</c:v>
                </c:pt>
                <c:pt idx="849">
                  <c:v>43199.835347222222</c:v>
                </c:pt>
                <c:pt idx="850">
                  <c:v>43199.793738425928</c:v>
                </c:pt>
                <c:pt idx="851">
                  <c:v>43199.710486111115</c:v>
                </c:pt>
                <c:pt idx="852">
                  <c:v>43199.668842592589</c:v>
                </c:pt>
                <c:pt idx="853">
                  <c:v>43199.627199074072</c:v>
                </c:pt>
                <c:pt idx="854">
                  <c:v>43199.460694444446</c:v>
                </c:pt>
                <c:pt idx="855">
                  <c:v>43199.419131944444</c:v>
                </c:pt>
                <c:pt idx="856">
                  <c:v>43199.377534722225</c:v>
                </c:pt>
                <c:pt idx="857">
                  <c:v>43199.3359837963</c:v>
                </c:pt>
                <c:pt idx="858">
                  <c:v>43199.294374999998</c:v>
                </c:pt>
                <c:pt idx="859">
                  <c:v>43199.252789351849</c:v>
                </c:pt>
                <c:pt idx="860">
                  <c:v>43199.211180555554</c:v>
                </c:pt>
                <c:pt idx="861">
                  <c:v>43199.169594907406</c:v>
                </c:pt>
                <c:pt idx="862">
                  <c:v>43199.127951388888</c:v>
                </c:pt>
                <c:pt idx="863">
                  <c:v>43199.086331018516</c:v>
                </c:pt>
                <c:pt idx="864">
                  <c:v>43199.003148148149</c:v>
                </c:pt>
                <c:pt idx="865">
                  <c:v>43198.961504629631</c:v>
                </c:pt>
                <c:pt idx="866">
                  <c:v>43198.91988425926</c:v>
                </c:pt>
                <c:pt idx="867">
                  <c:v>43198.878263888888</c:v>
                </c:pt>
                <c:pt idx="868">
                  <c:v>43198.836678240739</c:v>
                </c:pt>
                <c:pt idx="869">
                  <c:v>43198.795046296298</c:v>
                </c:pt>
                <c:pt idx="870">
                  <c:v>43198.753391203703</c:v>
                </c:pt>
                <c:pt idx="871">
                  <c:v>43198.711782407408</c:v>
                </c:pt>
                <c:pt idx="872">
                  <c:v>43198.628530092596</c:v>
                </c:pt>
                <c:pt idx="873">
                  <c:v>43198.586898148147</c:v>
                </c:pt>
                <c:pt idx="874">
                  <c:v>43198.545289351852</c:v>
                </c:pt>
                <c:pt idx="875">
                  <c:v>43198.503668981481</c:v>
                </c:pt>
                <c:pt idx="876">
                  <c:v>43198.462037037039</c:v>
                </c:pt>
                <c:pt idx="877">
                  <c:v>43198.378796296296</c:v>
                </c:pt>
                <c:pt idx="878">
                  <c:v>43198.253946759258</c:v>
                </c:pt>
                <c:pt idx="879">
                  <c:v>43198.21230324074</c:v>
                </c:pt>
                <c:pt idx="880">
                  <c:v>43198.170659722222</c:v>
                </c:pt>
                <c:pt idx="881">
                  <c:v>43198.12908564815</c:v>
                </c:pt>
                <c:pt idx="882">
                  <c:v>43198.087453703702</c:v>
                </c:pt>
                <c:pt idx="883">
                  <c:v>43198.04583333333</c:v>
                </c:pt>
                <c:pt idx="884">
                  <c:v>43197.962581018517</c:v>
                </c:pt>
                <c:pt idx="885">
                  <c:v>43197.920949074076</c:v>
                </c:pt>
                <c:pt idx="886">
                  <c:v>43197.879317129627</c:v>
                </c:pt>
                <c:pt idx="887">
                  <c:v>43197.837685185186</c:v>
                </c:pt>
                <c:pt idx="888">
                  <c:v>43197.796053240738</c:v>
                </c:pt>
                <c:pt idx="889">
                  <c:v>43197.75440972222</c:v>
                </c:pt>
                <c:pt idx="890">
                  <c:v>43197.712777777779</c:v>
                </c:pt>
                <c:pt idx="891">
                  <c:v>43197.67114583333</c:v>
                </c:pt>
                <c:pt idx="892">
                  <c:v>43197.629502314812</c:v>
                </c:pt>
                <c:pt idx="893">
                  <c:v>43197.587905092594</c:v>
                </c:pt>
                <c:pt idx="894">
                  <c:v>43197.546273148146</c:v>
                </c:pt>
                <c:pt idx="895">
                  <c:v>43197.421412037038</c:v>
                </c:pt>
                <c:pt idx="896">
                  <c:v>43197.379837962966</c:v>
                </c:pt>
                <c:pt idx="897">
                  <c:v>43197.2966087963</c:v>
                </c:pt>
                <c:pt idx="898">
                  <c:v>43197.254976851851</c:v>
                </c:pt>
                <c:pt idx="899">
                  <c:v>43197.213356481479</c:v>
                </c:pt>
                <c:pt idx="900">
                  <c:v>43197.13009259259</c:v>
                </c:pt>
                <c:pt idx="901">
                  <c:v>43197.088460648149</c:v>
                </c:pt>
                <c:pt idx="902">
                  <c:v>43197.0468287037</c:v>
                </c:pt>
                <c:pt idx="903">
                  <c:v>43197.005185185182</c:v>
                </c:pt>
                <c:pt idx="904">
                  <c:v>43196.963599537034</c:v>
                </c:pt>
                <c:pt idx="905">
                  <c:v>43196.921979166669</c:v>
                </c:pt>
                <c:pt idx="906">
                  <c:v>43196.880358796298</c:v>
                </c:pt>
                <c:pt idx="907">
                  <c:v>43196.838761574072</c:v>
                </c:pt>
                <c:pt idx="908">
                  <c:v>43196.755474537036</c:v>
                </c:pt>
                <c:pt idx="909">
                  <c:v>43196.713842592595</c:v>
                </c:pt>
                <c:pt idx="910">
                  <c:v>43196.672222222223</c:v>
                </c:pt>
                <c:pt idx="911">
                  <c:v>43196.630578703705</c:v>
                </c:pt>
                <c:pt idx="912">
                  <c:v>43196.50582175926</c:v>
                </c:pt>
                <c:pt idx="913">
                  <c:v>43196.464178240742</c:v>
                </c:pt>
                <c:pt idx="914">
                  <c:v>43196.297766203701</c:v>
                </c:pt>
                <c:pt idx="915">
                  <c:v>43196.25613425926</c:v>
                </c:pt>
                <c:pt idx="916">
                  <c:v>43196.172905092593</c:v>
                </c:pt>
                <c:pt idx="917">
                  <c:v>43196.131273148145</c:v>
                </c:pt>
                <c:pt idx="918">
                  <c:v>43196.048043981478</c:v>
                </c:pt>
                <c:pt idx="919">
                  <c:v>43196.00644675926</c:v>
                </c:pt>
                <c:pt idx="920">
                  <c:v>43195.964849537035</c:v>
                </c:pt>
                <c:pt idx="921">
                  <c:v>43195.756712962961</c:v>
                </c:pt>
                <c:pt idx="922">
                  <c:v>43195.715092592596</c:v>
                </c:pt>
                <c:pt idx="923">
                  <c:v>43195.673449074071</c:v>
                </c:pt>
                <c:pt idx="924">
                  <c:v>43195.631840277776</c:v>
                </c:pt>
                <c:pt idx="925">
                  <c:v>43195.46533564815</c:v>
                </c:pt>
                <c:pt idx="926">
                  <c:v>43195.340439814812</c:v>
                </c:pt>
                <c:pt idx="927">
                  <c:v>43195.298819444448</c:v>
                </c:pt>
                <c:pt idx="928">
                  <c:v>43195.257210648146</c:v>
                </c:pt>
                <c:pt idx="929">
                  <c:v>43195.215590277781</c:v>
                </c:pt>
                <c:pt idx="930">
                  <c:v>43195.173946759256</c:v>
                </c:pt>
                <c:pt idx="931">
                  <c:v>43195.09065972222</c:v>
                </c:pt>
                <c:pt idx="932">
                  <c:v>43195.049027777779</c:v>
                </c:pt>
                <c:pt idx="933">
                  <c:v>43195.007418981484</c:v>
                </c:pt>
                <c:pt idx="934">
                  <c:v>43194.924178240741</c:v>
                </c:pt>
                <c:pt idx="935">
                  <c:v>43194.757673611108</c:v>
                </c:pt>
                <c:pt idx="936">
                  <c:v>43194.716041666667</c:v>
                </c:pt>
                <c:pt idx="937">
                  <c:v>43194.674398148149</c:v>
                </c:pt>
                <c:pt idx="938">
                  <c:v>43194.591157407405</c:v>
                </c:pt>
                <c:pt idx="939">
                  <c:v>43194.549571759257</c:v>
                </c:pt>
                <c:pt idx="940">
                  <c:v>43194.466400462959</c:v>
                </c:pt>
                <c:pt idx="941">
                  <c:v>43194.424756944441</c:v>
                </c:pt>
                <c:pt idx="942">
                  <c:v>43194.383206018516</c:v>
                </c:pt>
                <c:pt idx="943">
                  <c:v>43194.217094907406</c:v>
                </c:pt>
                <c:pt idx="944">
                  <c:v>43194.17560185185</c:v>
                </c:pt>
                <c:pt idx="945">
                  <c:v>43194.134062500001</c:v>
                </c:pt>
                <c:pt idx="946">
                  <c:v>43194.092488425929</c:v>
                </c:pt>
                <c:pt idx="947">
                  <c:v>43194.009386574071</c:v>
                </c:pt>
                <c:pt idx="948">
                  <c:v>43193.967812499999</c:v>
                </c:pt>
                <c:pt idx="949">
                  <c:v>43193.843032407407</c:v>
                </c:pt>
                <c:pt idx="950">
                  <c:v>43193.801458333335</c:v>
                </c:pt>
                <c:pt idx="951">
                  <c:v>43193.759837962964</c:v>
                </c:pt>
                <c:pt idx="952">
                  <c:v>43193.718206018515</c:v>
                </c:pt>
                <c:pt idx="953">
                  <c:v>43193.676550925928</c:v>
                </c:pt>
                <c:pt idx="954">
                  <c:v>43193.635115740741</c:v>
                </c:pt>
                <c:pt idx="955">
                  <c:v>43193.593530092592</c:v>
                </c:pt>
                <c:pt idx="956">
                  <c:v>43193.551932870374</c:v>
                </c:pt>
                <c:pt idx="957">
                  <c:v>43193.510335648149</c:v>
                </c:pt>
                <c:pt idx="958">
                  <c:v>43193.4687962963</c:v>
                </c:pt>
                <c:pt idx="959">
                  <c:v>43193.427245370367</c:v>
                </c:pt>
                <c:pt idx="960">
                  <c:v>43193.385706018518</c:v>
                </c:pt>
                <c:pt idx="961">
                  <c:v>43193.30259259259</c:v>
                </c:pt>
                <c:pt idx="962">
                  <c:v>43193.260949074072</c:v>
                </c:pt>
                <c:pt idx="963">
                  <c:v>43193.219444444447</c:v>
                </c:pt>
                <c:pt idx="964">
                  <c:v>43193.094571759262</c:v>
                </c:pt>
                <c:pt idx="965">
                  <c:v>43193.052986111114</c:v>
                </c:pt>
                <c:pt idx="966">
                  <c:v>43192.928159722222</c:v>
                </c:pt>
                <c:pt idx="967">
                  <c:v>43192.886574074073</c:v>
                </c:pt>
                <c:pt idx="968">
                  <c:v>43192.803391203706</c:v>
                </c:pt>
                <c:pt idx="969">
                  <c:v>43192.720138888886</c:v>
                </c:pt>
                <c:pt idx="970">
                  <c:v>43192.678530092591</c:v>
                </c:pt>
                <c:pt idx="971">
                  <c:v>43192.637048611112</c:v>
                </c:pt>
                <c:pt idx="972">
                  <c:v>43192.595243055555</c:v>
                </c:pt>
                <c:pt idx="973">
                  <c:v>43192.553703703707</c:v>
                </c:pt>
                <c:pt idx="974">
                  <c:v>43192.51222222222</c:v>
                </c:pt>
                <c:pt idx="975">
                  <c:v>43192.470578703702</c:v>
                </c:pt>
                <c:pt idx="976">
                  <c:v>43192.42895833333</c:v>
                </c:pt>
                <c:pt idx="977">
                  <c:v>43192.387326388889</c:v>
                </c:pt>
                <c:pt idx="978">
                  <c:v>43192.387326388889</c:v>
                </c:pt>
                <c:pt idx="979">
                  <c:v>43192.345706018517</c:v>
                </c:pt>
                <c:pt idx="980">
                  <c:v>43192.304166666669</c:v>
                </c:pt>
                <c:pt idx="981">
                  <c:v>43192.262627314813</c:v>
                </c:pt>
                <c:pt idx="982">
                  <c:v>43192.220983796295</c:v>
                </c:pt>
                <c:pt idx="983">
                  <c:v>43192.179456018515</c:v>
                </c:pt>
                <c:pt idx="984">
                  <c:v>43192.13784722222</c:v>
                </c:pt>
                <c:pt idx="985">
                  <c:v>43192.096203703702</c:v>
                </c:pt>
                <c:pt idx="986">
                  <c:v>43192.054583333331</c:v>
                </c:pt>
                <c:pt idx="987">
                  <c:v>43192.012986111113</c:v>
                </c:pt>
                <c:pt idx="988">
                  <c:v>43191.971365740741</c:v>
                </c:pt>
                <c:pt idx="989">
                  <c:v>43191.929826388892</c:v>
                </c:pt>
                <c:pt idx="990">
                  <c:v>43191.888240740744</c:v>
                </c:pt>
                <c:pt idx="991">
                  <c:v>43191.846608796295</c:v>
                </c:pt>
                <c:pt idx="992">
                  <c:v>43191.805</c:v>
                </c:pt>
                <c:pt idx="993">
                  <c:v>43191.763402777775</c:v>
                </c:pt>
                <c:pt idx="994">
                  <c:v>43191.721782407411</c:v>
                </c:pt>
                <c:pt idx="995">
                  <c:v>43191.680173611108</c:v>
                </c:pt>
                <c:pt idx="996">
                  <c:v>43191.63853009259</c:v>
                </c:pt>
                <c:pt idx="997">
                  <c:v>43191.596909722219</c:v>
                </c:pt>
                <c:pt idx="998">
                  <c:v>43191.555289351854</c:v>
                </c:pt>
                <c:pt idx="999">
                  <c:v>43191.513645833336</c:v>
                </c:pt>
                <c:pt idx="1000">
                  <c:v>43191.472013888888</c:v>
                </c:pt>
                <c:pt idx="1001">
                  <c:v>43191.430405092593</c:v>
                </c:pt>
                <c:pt idx="1002">
                  <c:v>43191.388784722221</c:v>
                </c:pt>
                <c:pt idx="1003">
                  <c:v>43191.263958333337</c:v>
                </c:pt>
                <c:pt idx="1004">
                  <c:v>43191.222372685188</c:v>
                </c:pt>
                <c:pt idx="1005">
                  <c:v>43191.18072916667</c:v>
                </c:pt>
                <c:pt idx="1006">
                  <c:v>43191.097638888888</c:v>
                </c:pt>
                <c:pt idx="1007">
                  <c:v>43191.056203703702</c:v>
                </c:pt>
                <c:pt idx="1008">
                  <c:v>43191.014652777776</c:v>
                </c:pt>
                <c:pt idx="1009">
                  <c:v>43190.973032407404</c:v>
                </c:pt>
                <c:pt idx="1010">
                  <c:v>43190.931435185186</c:v>
                </c:pt>
                <c:pt idx="1011">
                  <c:v>43190.889780092592</c:v>
                </c:pt>
                <c:pt idx="1012">
                  <c:v>43190.848171296297</c:v>
                </c:pt>
                <c:pt idx="1013">
                  <c:v>43190.806550925925</c:v>
                </c:pt>
                <c:pt idx="1014">
                  <c:v>43190.764907407407</c:v>
                </c:pt>
                <c:pt idx="1015">
                  <c:v>43190.723298611112</c:v>
                </c:pt>
                <c:pt idx="1016">
                  <c:v>43190.681701388887</c:v>
                </c:pt>
                <c:pt idx="1017">
                  <c:v>43190.640069444446</c:v>
                </c:pt>
                <c:pt idx="1018">
                  <c:v>43190.598449074074</c:v>
                </c:pt>
                <c:pt idx="1019">
                  <c:v>43190.556817129633</c:v>
                </c:pt>
                <c:pt idx="1020">
                  <c:v>43190.515196759261</c:v>
                </c:pt>
                <c:pt idx="1021">
                  <c:v>43190.473553240743</c:v>
                </c:pt>
                <c:pt idx="1022">
                  <c:v>43190.431921296295</c:v>
                </c:pt>
                <c:pt idx="1023">
                  <c:v>43190.390266203707</c:v>
                </c:pt>
                <c:pt idx="1024">
                  <c:v>43190.307013888887</c:v>
                </c:pt>
                <c:pt idx="1025">
                  <c:v>43190.265381944446</c:v>
                </c:pt>
                <c:pt idx="1026">
                  <c:v>43190.223761574074</c:v>
                </c:pt>
                <c:pt idx="1027">
                  <c:v>43190.182129629633</c:v>
                </c:pt>
                <c:pt idx="1028">
                  <c:v>43190.140497685185</c:v>
                </c:pt>
                <c:pt idx="1029">
                  <c:v>43190.098865740743</c:v>
                </c:pt>
                <c:pt idx="1030">
                  <c:v>43190.015613425923</c:v>
                </c:pt>
                <c:pt idx="1031">
                  <c:v>43189.973981481482</c:v>
                </c:pt>
                <c:pt idx="1032">
                  <c:v>43189.932372685187</c:v>
                </c:pt>
                <c:pt idx="1033">
                  <c:v>43189.890729166669</c:v>
                </c:pt>
                <c:pt idx="1034">
                  <c:v>43189.849085648151</c:v>
                </c:pt>
                <c:pt idx="1035">
                  <c:v>43189.807453703703</c:v>
                </c:pt>
                <c:pt idx="1036">
                  <c:v>43189.765821759262</c:v>
                </c:pt>
                <c:pt idx="1037">
                  <c:v>43189.72420138889</c:v>
                </c:pt>
                <c:pt idx="1038">
                  <c:v>43189.682569444441</c:v>
                </c:pt>
                <c:pt idx="1039">
                  <c:v>43189.640925925924</c:v>
                </c:pt>
                <c:pt idx="1040">
                  <c:v>43189.599293981482</c:v>
                </c:pt>
                <c:pt idx="1041">
                  <c:v>43189.557650462964</c:v>
                </c:pt>
                <c:pt idx="1042">
                  <c:v>43189.516018518516</c:v>
                </c:pt>
                <c:pt idx="1043">
                  <c:v>43189.474398148152</c:v>
                </c:pt>
                <c:pt idx="1044">
                  <c:v>43189.43277777778</c:v>
                </c:pt>
                <c:pt idx="1045">
                  <c:v>43189.391168981485</c:v>
                </c:pt>
                <c:pt idx="1046">
                  <c:v>43189.349548611113</c:v>
                </c:pt>
                <c:pt idx="1047">
                  <c:v>43189.307905092595</c:v>
                </c:pt>
                <c:pt idx="1048">
                  <c:v>43189.224664351852</c:v>
                </c:pt>
                <c:pt idx="1049">
                  <c:v>43189.183113425926</c:v>
                </c:pt>
                <c:pt idx="1050">
                  <c:v>43189.141504629632</c:v>
                </c:pt>
                <c:pt idx="1051">
                  <c:v>43189.099872685183</c:v>
                </c:pt>
                <c:pt idx="1052">
                  <c:v>43189.058229166665</c:v>
                </c:pt>
                <c:pt idx="1053">
                  <c:v>43189.016712962963</c:v>
                </c:pt>
                <c:pt idx="1054">
                  <c:v>43188.975092592591</c:v>
                </c:pt>
                <c:pt idx="1055">
                  <c:v>43188.933483796296</c:v>
                </c:pt>
                <c:pt idx="1056">
                  <c:v>43188.850300925929</c:v>
                </c:pt>
                <c:pt idx="1057">
                  <c:v>43188.808715277781</c:v>
                </c:pt>
                <c:pt idx="1058">
                  <c:v>43188.767152777778</c:v>
                </c:pt>
                <c:pt idx="1059">
                  <c:v>43188.72552083333</c:v>
                </c:pt>
                <c:pt idx="1060">
                  <c:v>43188.683877314812</c:v>
                </c:pt>
                <c:pt idx="1061">
                  <c:v>43188.642268518517</c:v>
                </c:pt>
                <c:pt idx="1062">
                  <c:v>43188.600636574076</c:v>
                </c:pt>
                <c:pt idx="1063">
                  <c:v>43188.517442129632</c:v>
                </c:pt>
                <c:pt idx="1064">
                  <c:v>43188.475810185184</c:v>
                </c:pt>
                <c:pt idx="1065">
                  <c:v>43188.434212962966</c:v>
                </c:pt>
                <c:pt idx="1066">
                  <c:v>43188.392604166664</c:v>
                </c:pt>
                <c:pt idx="1067">
                  <c:v>43188.350960648146</c:v>
                </c:pt>
                <c:pt idx="1068">
                  <c:v>43188.309317129628</c:v>
                </c:pt>
                <c:pt idx="1069">
                  <c:v>43188.267743055556</c:v>
                </c:pt>
                <c:pt idx="1070">
                  <c:v>43188.226111111115</c:v>
                </c:pt>
                <c:pt idx="1071">
                  <c:v>43188.184687499997</c:v>
                </c:pt>
                <c:pt idx="1072">
                  <c:v>43188.143171296295</c:v>
                </c:pt>
                <c:pt idx="1073">
                  <c:v>43188.101574074077</c:v>
                </c:pt>
                <c:pt idx="1074">
                  <c:v>43188.059942129628</c:v>
                </c:pt>
                <c:pt idx="1075">
                  <c:v>43188.018333333333</c:v>
                </c:pt>
                <c:pt idx="1076">
                  <c:v>43187.976689814815</c:v>
                </c:pt>
                <c:pt idx="1077">
                  <c:v>43187.935057870367</c:v>
                </c:pt>
                <c:pt idx="1078">
                  <c:v>43187.893414351849</c:v>
                </c:pt>
                <c:pt idx="1079">
                  <c:v>43187.851805555554</c:v>
                </c:pt>
                <c:pt idx="1080">
                  <c:v>43187.810173611113</c:v>
                </c:pt>
                <c:pt idx="1081">
                  <c:v>43187.768553240741</c:v>
                </c:pt>
                <c:pt idx="1082">
                  <c:v>43187.72693287037</c:v>
                </c:pt>
                <c:pt idx="1083">
                  <c:v>43187.685324074075</c:v>
                </c:pt>
                <c:pt idx="1084">
                  <c:v>43187.643761574072</c:v>
                </c:pt>
                <c:pt idx="1085">
                  <c:v>43187.602129629631</c:v>
                </c:pt>
                <c:pt idx="1086">
                  <c:v>43187.560578703706</c:v>
                </c:pt>
                <c:pt idx="1087">
                  <c:v>43187.518935185188</c:v>
                </c:pt>
                <c:pt idx="1088">
                  <c:v>43187.477303240739</c:v>
                </c:pt>
                <c:pt idx="1089">
                  <c:v>43187.435671296298</c:v>
                </c:pt>
                <c:pt idx="1090">
                  <c:v>43187.39403935185</c:v>
                </c:pt>
                <c:pt idx="1091">
                  <c:v>43187.352395833332</c:v>
                </c:pt>
                <c:pt idx="1092">
                  <c:v>43187.310810185183</c:v>
                </c:pt>
                <c:pt idx="1093">
                  <c:v>43187.269259259258</c:v>
                </c:pt>
                <c:pt idx="1094">
                  <c:v>43187.22760416667</c:v>
                </c:pt>
                <c:pt idx="1095">
                  <c:v>43187.185972222222</c:v>
                </c:pt>
                <c:pt idx="1096">
                  <c:v>43187.14435185185</c:v>
                </c:pt>
                <c:pt idx="1097">
                  <c:v>43187.102731481478</c:v>
                </c:pt>
                <c:pt idx="1098">
                  <c:v>43187.061099537037</c:v>
                </c:pt>
                <c:pt idx="1099">
                  <c:v>43187.019479166665</c:v>
                </c:pt>
                <c:pt idx="1100">
                  <c:v>43186.977847222224</c:v>
                </c:pt>
                <c:pt idx="1101">
                  <c:v>43186.936226851853</c:v>
                </c:pt>
                <c:pt idx="1102">
                  <c:v>43186.894606481481</c:v>
                </c:pt>
                <c:pt idx="1103">
                  <c:v>43186.853009259263</c:v>
                </c:pt>
                <c:pt idx="1104">
                  <c:v>43186.811400462961</c:v>
                </c:pt>
                <c:pt idx="1105">
                  <c:v>43186.769768518519</c:v>
                </c:pt>
                <c:pt idx="1106">
                  <c:v>43186.728125000001</c:v>
                </c:pt>
                <c:pt idx="1107">
                  <c:v>43186.686516203707</c:v>
                </c:pt>
                <c:pt idx="1108">
                  <c:v>43186.644884259258</c:v>
                </c:pt>
                <c:pt idx="1109">
                  <c:v>43186.603263888886</c:v>
                </c:pt>
                <c:pt idx="1110">
                  <c:v>43186.561620370368</c:v>
                </c:pt>
                <c:pt idx="1111">
                  <c:v>43186.519988425927</c:v>
                </c:pt>
                <c:pt idx="1112">
                  <c:v>43186.478344907409</c:v>
                </c:pt>
                <c:pt idx="1113">
                  <c:v>43186.436724537038</c:v>
                </c:pt>
                <c:pt idx="1114">
                  <c:v>43186.395092592589</c:v>
                </c:pt>
                <c:pt idx="1115">
                  <c:v>43186.353460648148</c:v>
                </c:pt>
                <c:pt idx="1116">
                  <c:v>43186.311840277776</c:v>
                </c:pt>
                <c:pt idx="1117">
                  <c:v>43186.270208333335</c:v>
                </c:pt>
                <c:pt idx="1118">
                  <c:v>43186.228587962964</c:v>
                </c:pt>
                <c:pt idx="1119">
                  <c:v>43186.186990740738</c:v>
                </c:pt>
                <c:pt idx="1120">
                  <c:v>43186.145370370374</c:v>
                </c:pt>
                <c:pt idx="1121">
                  <c:v>43186.103750000002</c:v>
                </c:pt>
                <c:pt idx="1122">
                  <c:v>43186.020497685182</c:v>
                </c:pt>
                <c:pt idx="1123">
                  <c:v>43185.9372337963</c:v>
                </c:pt>
                <c:pt idx="1124">
                  <c:v>43185.895624999997</c:v>
                </c:pt>
                <c:pt idx="1125">
                  <c:v>43185.853993055556</c:v>
                </c:pt>
                <c:pt idx="1126">
                  <c:v>43185.812361111108</c:v>
                </c:pt>
                <c:pt idx="1127">
                  <c:v>43185.77071759259</c:v>
                </c:pt>
                <c:pt idx="1128">
                  <c:v>43185.729120370372</c:v>
                </c:pt>
                <c:pt idx="1129">
                  <c:v>43185.687511574077</c:v>
                </c:pt>
                <c:pt idx="1130">
                  <c:v>43185.645902777775</c:v>
                </c:pt>
              </c:numCache>
            </c:numRef>
          </c:xVal>
          <c:yVal>
            <c:numRef>
              <c:f>グラフ!$I$6:$I$1136</c:f>
              <c:numCache>
                <c:formatCode>0.0</c:formatCode>
                <c:ptCount val="1131"/>
                <c:pt idx="0">
                  <c:v>56.2</c:v>
                </c:pt>
                <c:pt idx="1">
                  <c:v>55.2</c:v>
                </c:pt>
                <c:pt idx="2">
                  <c:v>55.2</c:v>
                </c:pt>
                <c:pt idx="3">
                  <c:v>55.2</c:v>
                </c:pt>
                <c:pt idx="4">
                  <c:v>54.7</c:v>
                </c:pt>
                <c:pt idx="5">
                  <c:v>54.7</c:v>
                </c:pt>
                <c:pt idx="6">
                  <c:v>54.7</c:v>
                </c:pt>
                <c:pt idx="7">
                  <c:v>54.2</c:v>
                </c:pt>
                <c:pt idx="8">
                  <c:v>53.8</c:v>
                </c:pt>
                <c:pt idx="9">
                  <c:v>53.3</c:v>
                </c:pt>
                <c:pt idx="10">
                  <c:v>51.3</c:v>
                </c:pt>
                <c:pt idx="11">
                  <c:v>50.8</c:v>
                </c:pt>
                <c:pt idx="12">
                  <c:v>50.8</c:v>
                </c:pt>
                <c:pt idx="13">
                  <c:v>50.3</c:v>
                </c:pt>
                <c:pt idx="14">
                  <c:v>49.9</c:v>
                </c:pt>
                <c:pt idx="15">
                  <c:v>49.9</c:v>
                </c:pt>
                <c:pt idx="16">
                  <c:v>49.4</c:v>
                </c:pt>
                <c:pt idx="17">
                  <c:v>48.9</c:v>
                </c:pt>
                <c:pt idx="18">
                  <c:v>46.9</c:v>
                </c:pt>
                <c:pt idx="19">
                  <c:v>46.4</c:v>
                </c:pt>
                <c:pt idx="20">
                  <c:v>43</c:v>
                </c:pt>
                <c:pt idx="21">
                  <c:v>42.5</c:v>
                </c:pt>
                <c:pt idx="22">
                  <c:v>41.6</c:v>
                </c:pt>
                <c:pt idx="23">
                  <c:v>39.6</c:v>
                </c:pt>
                <c:pt idx="24">
                  <c:v>33.700000000000003</c:v>
                </c:pt>
                <c:pt idx="25">
                  <c:v>33.700000000000003</c:v>
                </c:pt>
                <c:pt idx="26">
                  <c:v>33.700000000000003</c:v>
                </c:pt>
                <c:pt idx="27">
                  <c:v>33.700000000000003</c:v>
                </c:pt>
                <c:pt idx="28">
                  <c:v>33.700000000000003</c:v>
                </c:pt>
                <c:pt idx="29">
                  <c:v>33.700000000000003</c:v>
                </c:pt>
                <c:pt idx="30">
                  <c:v>33.299999999999997</c:v>
                </c:pt>
                <c:pt idx="31">
                  <c:v>33.299999999999997</c:v>
                </c:pt>
                <c:pt idx="32">
                  <c:v>33.299999999999997</c:v>
                </c:pt>
                <c:pt idx="33">
                  <c:v>32.799999999999997</c:v>
                </c:pt>
                <c:pt idx="34">
                  <c:v>30.3</c:v>
                </c:pt>
                <c:pt idx="35">
                  <c:v>30.3</c:v>
                </c:pt>
                <c:pt idx="36">
                  <c:v>29.8</c:v>
                </c:pt>
                <c:pt idx="37">
                  <c:v>29.3</c:v>
                </c:pt>
                <c:pt idx="38">
                  <c:v>27.4</c:v>
                </c:pt>
                <c:pt idx="39">
                  <c:v>25</c:v>
                </c:pt>
                <c:pt idx="40">
                  <c:v>23</c:v>
                </c:pt>
                <c:pt idx="41">
                  <c:v>18.100000000000001</c:v>
                </c:pt>
                <c:pt idx="42">
                  <c:v>16.2</c:v>
                </c:pt>
                <c:pt idx="43">
                  <c:v>15.2</c:v>
                </c:pt>
                <c:pt idx="44">
                  <c:v>14.2</c:v>
                </c:pt>
                <c:pt idx="45">
                  <c:v>14.2</c:v>
                </c:pt>
                <c:pt idx="46">
                  <c:v>13.7</c:v>
                </c:pt>
                <c:pt idx="47">
                  <c:v>13.7</c:v>
                </c:pt>
                <c:pt idx="48">
                  <c:v>13.2</c:v>
                </c:pt>
                <c:pt idx="49">
                  <c:v>13.2</c:v>
                </c:pt>
                <c:pt idx="50">
                  <c:v>13.2</c:v>
                </c:pt>
                <c:pt idx="51">
                  <c:v>13.2</c:v>
                </c:pt>
                <c:pt idx="52">
                  <c:v>13.2</c:v>
                </c:pt>
                <c:pt idx="53">
                  <c:v>13.2</c:v>
                </c:pt>
                <c:pt idx="54">
                  <c:v>13.2</c:v>
                </c:pt>
                <c:pt idx="55">
                  <c:v>13.2</c:v>
                </c:pt>
                <c:pt idx="56">
                  <c:v>12.7</c:v>
                </c:pt>
                <c:pt idx="57">
                  <c:v>12.7</c:v>
                </c:pt>
                <c:pt idx="58">
                  <c:v>12.7</c:v>
                </c:pt>
                <c:pt idx="59">
                  <c:v>12.3</c:v>
                </c:pt>
                <c:pt idx="60">
                  <c:v>12.3</c:v>
                </c:pt>
                <c:pt idx="61">
                  <c:v>12.3</c:v>
                </c:pt>
                <c:pt idx="62">
                  <c:v>11.8</c:v>
                </c:pt>
                <c:pt idx="63">
                  <c:v>11.8</c:v>
                </c:pt>
                <c:pt idx="64">
                  <c:v>11.3</c:v>
                </c:pt>
                <c:pt idx="65">
                  <c:v>11.3</c:v>
                </c:pt>
                <c:pt idx="66">
                  <c:v>10.8</c:v>
                </c:pt>
                <c:pt idx="67">
                  <c:v>10.8</c:v>
                </c:pt>
                <c:pt idx="68">
                  <c:v>10.8</c:v>
                </c:pt>
                <c:pt idx="69">
                  <c:v>10.8</c:v>
                </c:pt>
                <c:pt idx="70">
                  <c:v>10.8</c:v>
                </c:pt>
                <c:pt idx="71">
                  <c:v>10.8</c:v>
                </c:pt>
                <c:pt idx="72">
                  <c:v>10.8</c:v>
                </c:pt>
                <c:pt idx="73">
                  <c:v>10.8</c:v>
                </c:pt>
                <c:pt idx="74">
                  <c:v>10.8</c:v>
                </c:pt>
                <c:pt idx="75">
                  <c:v>10.8</c:v>
                </c:pt>
                <c:pt idx="76">
                  <c:v>10.8</c:v>
                </c:pt>
                <c:pt idx="77">
                  <c:v>10.8</c:v>
                </c:pt>
                <c:pt idx="78">
                  <c:v>10.8</c:v>
                </c:pt>
                <c:pt idx="79">
                  <c:v>10.8</c:v>
                </c:pt>
                <c:pt idx="80">
                  <c:v>10.8</c:v>
                </c:pt>
                <c:pt idx="81">
                  <c:v>10.8</c:v>
                </c:pt>
                <c:pt idx="82">
                  <c:v>10.8</c:v>
                </c:pt>
                <c:pt idx="83">
                  <c:v>10.8</c:v>
                </c:pt>
                <c:pt idx="84">
                  <c:v>10.8</c:v>
                </c:pt>
                <c:pt idx="85">
                  <c:v>10.8</c:v>
                </c:pt>
                <c:pt idx="86">
                  <c:v>10.8</c:v>
                </c:pt>
                <c:pt idx="87">
                  <c:v>10.8</c:v>
                </c:pt>
                <c:pt idx="88">
                  <c:v>10.8</c:v>
                </c:pt>
                <c:pt idx="89">
                  <c:v>10.8</c:v>
                </c:pt>
                <c:pt idx="90">
                  <c:v>10.8</c:v>
                </c:pt>
                <c:pt idx="91">
                  <c:v>10.8</c:v>
                </c:pt>
                <c:pt idx="92">
                  <c:v>10.8</c:v>
                </c:pt>
                <c:pt idx="93">
                  <c:v>10.3</c:v>
                </c:pt>
                <c:pt idx="94">
                  <c:v>10.3</c:v>
                </c:pt>
                <c:pt idx="95">
                  <c:v>10.8</c:v>
                </c:pt>
                <c:pt idx="96">
                  <c:v>10.8</c:v>
                </c:pt>
                <c:pt idx="97">
                  <c:v>10.8</c:v>
                </c:pt>
                <c:pt idx="98">
                  <c:v>10.8</c:v>
                </c:pt>
                <c:pt idx="99">
                  <c:v>10.8</c:v>
                </c:pt>
                <c:pt idx="100">
                  <c:v>10.8</c:v>
                </c:pt>
                <c:pt idx="101">
                  <c:v>10.8</c:v>
                </c:pt>
                <c:pt idx="102">
                  <c:v>10.8</c:v>
                </c:pt>
                <c:pt idx="103">
                  <c:v>10.8</c:v>
                </c:pt>
                <c:pt idx="104">
                  <c:v>10.8</c:v>
                </c:pt>
                <c:pt idx="105">
                  <c:v>10.8</c:v>
                </c:pt>
                <c:pt idx="106">
                  <c:v>11.3</c:v>
                </c:pt>
                <c:pt idx="107">
                  <c:v>11.3</c:v>
                </c:pt>
                <c:pt idx="108">
                  <c:v>11.3</c:v>
                </c:pt>
                <c:pt idx="109">
                  <c:v>11.3</c:v>
                </c:pt>
                <c:pt idx="110">
                  <c:v>11.3</c:v>
                </c:pt>
                <c:pt idx="111">
                  <c:v>11.3</c:v>
                </c:pt>
                <c:pt idx="112">
                  <c:v>11.3</c:v>
                </c:pt>
                <c:pt idx="113">
                  <c:v>11.3</c:v>
                </c:pt>
                <c:pt idx="114">
                  <c:v>11.3</c:v>
                </c:pt>
                <c:pt idx="115">
                  <c:v>11.3</c:v>
                </c:pt>
                <c:pt idx="116">
                  <c:v>11.3</c:v>
                </c:pt>
                <c:pt idx="117">
                  <c:v>11.3</c:v>
                </c:pt>
                <c:pt idx="118">
                  <c:v>11.3</c:v>
                </c:pt>
                <c:pt idx="119">
                  <c:v>11.3</c:v>
                </c:pt>
                <c:pt idx="120">
                  <c:v>11.3</c:v>
                </c:pt>
                <c:pt idx="121">
                  <c:v>11.3</c:v>
                </c:pt>
                <c:pt idx="122">
                  <c:v>11.3</c:v>
                </c:pt>
                <c:pt idx="123">
                  <c:v>11.3</c:v>
                </c:pt>
                <c:pt idx="124">
                  <c:v>11.3</c:v>
                </c:pt>
                <c:pt idx="125">
                  <c:v>11.3</c:v>
                </c:pt>
                <c:pt idx="126">
                  <c:v>11.3</c:v>
                </c:pt>
                <c:pt idx="127">
                  <c:v>11.3</c:v>
                </c:pt>
                <c:pt idx="128">
                  <c:v>11.3</c:v>
                </c:pt>
                <c:pt idx="129">
                  <c:v>11.3</c:v>
                </c:pt>
                <c:pt idx="130">
                  <c:v>11.3</c:v>
                </c:pt>
                <c:pt idx="131">
                  <c:v>11.3</c:v>
                </c:pt>
                <c:pt idx="132">
                  <c:v>11.3</c:v>
                </c:pt>
                <c:pt idx="133">
                  <c:v>11.3</c:v>
                </c:pt>
                <c:pt idx="134">
                  <c:v>11.3</c:v>
                </c:pt>
                <c:pt idx="135">
                  <c:v>11.3</c:v>
                </c:pt>
                <c:pt idx="136">
                  <c:v>11.3</c:v>
                </c:pt>
                <c:pt idx="137">
                  <c:v>11.3</c:v>
                </c:pt>
                <c:pt idx="138">
                  <c:v>11.3</c:v>
                </c:pt>
                <c:pt idx="139">
                  <c:v>11.3</c:v>
                </c:pt>
                <c:pt idx="140">
                  <c:v>10.8</c:v>
                </c:pt>
                <c:pt idx="141">
                  <c:v>10.8</c:v>
                </c:pt>
                <c:pt idx="142">
                  <c:v>10.8</c:v>
                </c:pt>
                <c:pt idx="143">
                  <c:v>10.8</c:v>
                </c:pt>
                <c:pt idx="144">
                  <c:v>10.8</c:v>
                </c:pt>
                <c:pt idx="145">
                  <c:v>10.8</c:v>
                </c:pt>
                <c:pt idx="146">
                  <c:v>10.8</c:v>
                </c:pt>
                <c:pt idx="147">
                  <c:v>10.8</c:v>
                </c:pt>
                <c:pt idx="148">
                  <c:v>10.8</c:v>
                </c:pt>
                <c:pt idx="149">
                  <c:v>10.8</c:v>
                </c:pt>
                <c:pt idx="150">
                  <c:v>10.8</c:v>
                </c:pt>
                <c:pt idx="151">
                  <c:v>10.8</c:v>
                </c:pt>
                <c:pt idx="152">
                  <c:v>10.8</c:v>
                </c:pt>
                <c:pt idx="153">
                  <c:v>10.8</c:v>
                </c:pt>
                <c:pt idx="154">
                  <c:v>10.8</c:v>
                </c:pt>
                <c:pt idx="155">
                  <c:v>10.8</c:v>
                </c:pt>
                <c:pt idx="156">
                  <c:v>10.8</c:v>
                </c:pt>
                <c:pt idx="157">
                  <c:v>10.8</c:v>
                </c:pt>
                <c:pt idx="158">
                  <c:v>10.8</c:v>
                </c:pt>
                <c:pt idx="159">
                  <c:v>10.8</c:v>
                </c:pt>
                <c:pt idx="160">
                  <c:v>10.8</c:v>
                </c:pt>
                <c:pt idx="161">
                  <c:v>10.8</c:v>
                </c:pt>
                <c:pt idx="162">
                  <c:v>10.8</c:v>
                </c:pt>
                <c:pt idx="163">
                  <c:v>10.8</c:v>
                </c:pt>
                <c:pt idx="164">
                  <c:v>10.3</c:v>
                </c:pt>
                <c:pt idx="165">
                  <c:v>10.8</c:v>
                </c:pt>
                <c:pt idx="166">
                  <c:v>10.8</c:v>
                </c:pt>
                <c:pt idx="167">
                  <c:v>10.8</c:v>
                </c:pt>
                <c:pt idx="168">
                  <c:v>10.8</c:v>
                </c:pt>
                <c:pt idx="169">
                  <c:v>11.3</c:v>
                </c:pt>
                <c:pt idx="170">
                  <c:v>11.3</c:v>
                </c:pt>
                <c:pt idx="171">
                  <c:v>11.3</c:v>
                </c:pt>
                <c:pt idx="172">
                  <c:v>10.8</c:v>
                </c:pt>
                <c:pt idx="173">
                  <c:v>10.8</c:v>
                </c:pt>
                <c:pt idx="174">
                  <c:v>10.8</c:v>
                </c:pt>
                <c:pt idx="175">
                  <c:v>10.8</c:v>
                </c:pt>
                <c:pt idx="176">
                  <c:v>10.8</c:v>
                </c:pt>
                <c:pt idx="177">
                  <c:v>10.3</c:v>
                </c:pt>
                <c:pt idx="178">
                  <c:v>10.3</c:v>
                </c:pt>
                <c:pt idx="179">
                  <c:v>10.3</c:v>
                </c:pt>
                <c:pt idx="180">
                  <c:v>10.3</c:v>
                </c:pt>
                <c:pt idx="181">
                  <c:v>10.3</c:v>
                </c:pt>
                <c:pt idx="182">
                  <c:v>10.3</c:v>
                </c:pt>
                <c:pt idx="183">
                  <c:v>10.3</c:v>
                </c:pt>
                <c:pt idx="184">
                  <c:v>10.3</c:v>
                </c:pt>
                <c:pt idx="185">
                  <c:v>10.3</c:v>
                </c:pt>
                <c:pt idx="186">
                  <c:v>10.3</c:v>
                </c:pt>
                <c:pt idx="187">
                  <c:v>10.3</c:v>
                </c:pt>
                <c:pt idx="188">
                  <c:v>10.3</c:v>
                </c:pt>
                <c:pt idx="189">
                  <c:v>10.3</c:v>
                </c:pt>
                <c:pt idx="190">
                  <c:v>10.3</c:v>
                </c:pt>
                <c:pt idx="191">
                  <c:v>10.3</c:v>
                </c:pt>
                <c:pt idx="192">
                  <c:v>10.3</c:v>
                </c:pt>
                <c:pt idx="193">
                  <c:v>10.3</c:v>
                </c:pt>
                <c:pt idx="194">
                  <c:v>10.3</c:v>
                </c:pt>
                <c:pt idx="195">
                  <c:v>10.3</c:v>
                </c:pt>
                <c:pt idx="196">
                  <c:v>10.3</c:v>
                </c:pt>
                <c:pt idx="197">
                  <c:v>10.3</c:v>
                </c:pt>
                <c:pt idx="198">
                  <c:v>10.3</c:v>
                </c:pt>
                <c:pt idx="199">
                  <c:v>9.8000000000000007</c:v>
                </c:pt>
                <c:pt idx="200">
                  <c:v>9.8000000000000007</c:v>
                </c:pt>
                <c:pt idx="201">
                  <c:v>9.8000000000000007</c:v>
                </c:pt>
                <c:pt idx="202">
                  <c:v>9.8000000000000007</c:v>
                </c:pt>
                <c:pt idx="203">
                  <c:v>9.8000000000000007</c:v>
                </c:pt>
                <c:pt idx="204">
                  <c:v>9.8000000000000007</c:v>
                </c:pt>
                <c:pt idx="205">
                  <c:v>9.8000000000000007</c:v>
                </c:pt>
                <c:pt idx="206">
                  <c:v>9.8000000000000007</c:v>
                </c:pt>
                <c:pt idx="207">
                  <c:v>9.8000000000000007</c:v>
                </c:pt>
                <c:pt idx="208">
                  <c:v>9.8000000000000007</c:v>
                </c:pt>
                <c:pt idx="209">
                  <c:v>10.3</c:v>
                </c:pt>
                <c:pt idx="210">
                  <c:v>10.3</c:v>
                </c:pt>
                <c:pt idx="211">
                  <c:v>10.3</c:v>
                </c:pt>
                <c:pt idx="212">
                  <c:v>10.3</c:v>
                </c:pt>
                <c:pt idx="213">
                  <c:v>10.3</c:v>
                </c:pt>
                <c:pt idx="214">
                  <c:v>10.3</c:v>
                </c:pt>
                <c:pt idx="215">
                  <c:v>10.3</c:v>
                </c:pt>
                <c:pt idx="216">
                  <c:v>10.3</c:v>
                </c:pt>
                <c:pt idx="217">
                  <c:v>10.3</c:v>
                </c:pt>
                <c:pt idx="218">
                  <c:v>10.3</c:v>
                </c:pt>
                <c:pt idx="219">
                  <c:v>10.3</c:v>
                </c:pt>
                <c:pt idx="220">
                  <c:v>10.3</c:v>
                </c:pt>
                <c:pt idx="221">
                  <c:v>10.3</c:v>
                </c:pt>
                <c:pt idx="222">
                  <c:v>10.3</c:v>
                </c:pt>
                <c:pt idx="223">
                  <c:v>10.3</c:v>
                </c:pt>
                <c:pt idx="224">
                  <c:v>10.3</c:v>
                </c:pt>
                <c:pt idx="225">
                  <c:v>10.3</c:v>
                </c:pt>
                <c:pt idx="226">
                  <c:v>10.3</c:v>
                </c:pt>
                <c:pt idx="227">
                  <c:v>10.3</c:v>
                </c:pt>
                <c:pt idx="228">
                  <c:v>10.3</c:v>
                </c:pt>
                <c:pt idx="229">
                  <c:v>10.3</c:v>
                </c:pt>
                <c:pt idx="230">
                  <c:v>10.3</c:v>
                </c:pt>
                <c:pt idx="231">
                  <c:v>10.3</c:v>
                </c:pt>
                <c:pt idx="232">
                  <c:v>10.3</c:v>
                </c:pt>
                <c:pt idx="233">
                  <c:v>10.3</c:v>
                </c:pt>
                <c:pt idx="234">
                  <c:v>10.3</c:v>
                </c:pt>
                <c:pt idx="235">
                  <c:v>10.3</c:v>
                </c:pt>
                <c:pt idx="236">
                  <c:v>10.3</c:v>
                </c:pt>
                <c:pt idx="237">
                  <c:v>10.3</c:v>
                </c:pt>
                <c:pt idx="238">
                  <c:v>10.3</c:v>
                </c:pt>
                <c:pt idx="239">
                  <c:v>10.3</c:v>
                </c:pt>
                <c:pt idx="240">
                  <c:v>10.3</c:v>
                </c:pt>
                <c:pt idx="241">
                  <c:v>10.8</c:v>
                </c:pt>
                <c:pt idx="242">
                  <c:v>10.8</c:v>
                </c:pt>
                <c:pt idx="243">
                  <c:v>10.8</c:v>
                </c:pt>
                <c:pt idx="244">
                  <c:v>10.8</c:v>
                </c:pt>
                <c:pt idx="245">
                  <c:v>10.8</c:v>
                </c:pt>
                <c:pt idx="246">
                  <c:v>10.8</c:v>
                </c:pt>
                <c:pt idx="247">
                  <c:v>10.8</c:v>
                </c:pt>
                <c:pt idx="248">
                  <c:v>10.8</c:v>
                </c:pt>
                <c:pt idx="249">
                  <c:v>10.8</c:v>
                </c:pt>
                <c:pt idx="250">
                  <c:v>10.8</c:v>
                </c:pt>
                <c:pt idx="251">
                  <c:v>10.8</c:v>
                </c:pt>
                <c:pt idx="252">
                  <c:v>10.8</c:v>
                </c:pt>
                <c:pt idx="253">
                  <c:v>10.8</c:v>
                </c:pt>
                <c:pt idx="254">
                  <c:v>10.8</c:v>
                </c:pt>
                <c:pt idx="255">
                  <c:v>10.8</c:v>
                </c:pt>
                <c:pt idx="256">
                  <c:v>10.8</c:v>
                </c:pt>
                <c:pt idx="257">
                  <c:v>10.8</c:v>
                </c:pt>
                <c:pt idx="258">
                  <c:v>10.8</c:v>
                </c:pt>
                <c:pt idx="259">
                  <c:v>10.8</c:v>
                </c:pt>
                <c:pt idx="260">
                  <c:v>10.8</c:v>
                </c:pt>
                <c:pt idx="261">
                  <c:v>10.8</c:v>
                </c:pt>
                <c:pt idx="262">
                  <c:v>10.8</c:v>
                </c:pt>
                <c:pt idx="263">
                  <c:v>10.8</c:v>
                </c:pt>
                <c:pt idx="264">
                  <c:v>11.3</c:v>
                </c:pt>
                <c:pt idx="265">
                  <c:v>11.3</c:v>
                </c:pt>
                <c:pt idx="266">
                  <c:v>11.3</c:v>
                </c:pt>
                <c:pt idx="267">
                  <c:v>11.3</c:v>
                </c:pt>
                <c:pt idx="268">
                  <c:v>11.3</c:v>
                </c:pt>
                <c:pt idx="269">
                  <c:v>11.3</c:v>
                </c:pt>
                <c:pt idx="270">
                  <c:v>11.3</c:v>
                </c:pt>
                <c:pt idx="271">
                  <c:v>11.8</c:v>
                </c:pt>
                <c:pt idx="272">
                  <c:v>11.8</c:v>
                </c:pt>
                <c:pt idx="273">
                  <c:v>11.8</c:v>
                </c:pt>
                <c:pt idx="274">
                  <c:v>11.3</c:v>
                </c:pt>
                <c:pt idx="275">
                  <c:v>11.3</c:v>
                </c:pt>
                <c:pt idx="276">
                  <c:v>11.3</c:v>
                </c:pt>
                <c:pt idx="277">
                  <c:v>11.3</c:v>
                </c:pt>
                <c:pt idx="278">
                  <c:v>11.3</c:v>
                </c:pt>
                <c:pt idx="279">
                  <c:v>11.8</c:v>
                </c:pt>
                <c:pt idx="280">
                  <c:v>11.8</c:v>
                </c:pt>
                <c:pt idx="281">
                  <c:v>11.8</c:v>
                </c:pt>
                <c:pt idx="282">
                  <c:v>11.3</c:v>
                </c:pt>
                <c:pt idx="283">
                  <c:v>11.3</c:v>
                </c:pt>
                <c:pt idx="284">
                  <c:v>11.3</c:v>
                </c:pt>
                <c:pt idx="285">
                  <c:v>11.3</c:v>
                </c:pt>
                <c:pt idx="286">
                  <c:v>10.8</c:v>
                </c:pt>
                <c:pt idx="287">
                  <c:v>10.8</c:v>
                </c:pt>
                <c:pt idx="288">
                  <c:v>10.8</c:v>
                </c:pt>
                <c:pt idx="289">
                  <c:v>10.8</c:v>
                </c:pt>
                <c:pt idx="290">
                  <c:v>10.8</c:v>
                </c:pt>
                <c:pt idx="291">
                  <c:v>10.8</c:v>
                </c:pt>
                <c:pt idx="292">
                  <c:v>10.8</c:v>
                </c:pt>
                <c:pt idx="293">
                  <c:v>10.8</c:v>
                </c:pt>
                <c:pt idx="294">
                  <c:v>10.8</c:v>
                </c:pt>
                <c:pt idx="295">
                  <c:v>10.8</c:v>
                </c:pt>
                <c:pt idx="296">
                  <c:v>10.8</c:v>
                </c:pt>
                <c:pt idx="297">
                  <c:v>10.8</c:v>
                </c:pt>
                <c:pt idx="298">
                  <c:v>10.8</c:v>
                </c:pt>
                <c:pt idx="299">
                  <c:v>10.8</c:v>
                </c:pt>
                <c:pt idx="300">
                  <c:v>10.8</c:v>
                </c:pt>
                <c:pt idx="301">
                  <c:v>10.8</c:v>
                </c:pt>
                <c:pt idx="302">
                  <c:v>10.8</c:v>
                </c:pt>
                <c:pt idx="303">
                  <c:v>10.8</c:v>
                </c:pt>
                <c:pt idx="304">
                  <c:v>11.3</c:v>
                </c:pt>
                <c:pt idx="305">
                  <c:v>10.8</c:v>
                </c:pt>
                <c:pt idx="306">
                  <c:v>10.8</c:v>
                </c:pt>
                <c:pt idx="307">
                  <c:v>10.8</c:v>
                </c:pt>
                <c:pt idx="308">
                  <c:v>10.8</c:v>
                </c:pt>
                <c:pt idx="309">
                  <c:v>10.3</c:v>
                </c:pt>
                <c:pt idx="310">
                  <c:v>10.3</c:v>
                </c:pt>
                <c:pt idx="311">
                  <c:v>10.3</c:v>
                </c:pt>
                <c:pt idx="312">
                  <c:v>10.3</c:v>
                </c:pt>
                <c:pt idx="313">
                  <c:v>10.3</c:v>
                </c:pt>
                <c:pt idx="314">
                  <c:v>10.8</c:v>
                </c:pt>
                <c:pt idx="315">
                  <c:v>10.8</c:v>
                </c:pt>
                <c:pt idx="316">
                  <c:v>10.8</c:v>
                </c:pt>
                <c:pt idx="317">
                  <c:v>10.3</c:v>
                </c:pt>
                <c:pt idx="318">
                  <c:v>10.3</c:v>
                </c:pt>
                <c:pt idx="319">
                  <c:v>10.3</c:v>
                </c:pt>
                <c:pt idx="320">
                  <c:v>10.3</c:v>
                </c:pt>
                <c:pt idx="321">
                  <c:v>10.3</c:v>
                </c:pt>
                <c:pt idx="322">
                  <c:v>10.3</c:v>
                </c:pt>
                <c:pt idx="323">
                  <c:v>10.3</c:v>
                </c:pt>
                <c:pt idx="324">
                  <c:v>10.3</c:v>
                </c:pt>
                <c:pt idx="325">
                  <c:v>10.3</c:v>
                </c:pt>
                <c:pt idx="326">
                  <c:v>10.3</c:v>
                </c:pt>
                <c:pt idx="327">
                  <c:v>10.3</c:v>
                </c:pt>
                <c:pt idx="328">
                  <c:v>10.3</c:v>
                </c:pt>
                <c:pt idx="329">
                  <c:v>10.8</c:v>
                </c:pt>
                <c:pt idx="330">
                  <c:v>10.8</c:v>
                </c:pt>
                <c:pt idx="331">
                  <c:v>10.8</c:v>
                </c:pt>
                <c:pt idx="332">
                  <c:v>10.8</c:v>
                </c:pt>
                <c:pt idx="333">
                  <c:v>10.8</c:v>
                </c:pt>
                <c:pt idx="334">
                  <c:v>10.8</c:v>
                </c:pt>
                <c:pt idx="335">
                  <c:v>10.8</c:v>
                </c:pt>
                <c:pt idx="336">
                  <c:v>10.8</c:v>
                </c:pt>
                <c:pt idx="337">
                  <c:v>10.8</c:v>
                </c:pt>
                <c:pt idx="338">
                  <c:v>10.8</c:v>
                </c:pt>
                <c:pt idx="339">
                  <c:v>10.8</c:v>
                </c:pt>
                <c:pt idx="340">
                  <c:v>10.8</c:v>
                </c:pt>
                <c:pt idx="341">
                  <c:v>10.8</c:v>
                </c:pt>
                <c:pt idx="342">
                  <c:v>10.3</c:v>
                </c:pt>
                <c:pt idx="343">
                  <c:v>10.3</c:v>
                </c:pt>
                <c:pt idx="344">
                  <c:v>10.3</c:v>
                </c:pt>
                <c:pt idx="345">
                  <c:v>10.3</c:v>
                </c:pt>
                <c:pt idx="346">
                  <c:v>10.3</c:v>
                </c:pt>
                <c:pt idx="347">
                  <c:v>10.3</c:v>
                </c:pt>
                <c:pt idx="348">
                  <c:v>10.3</c:v>
                </c:pt>
                <c:pt idx="349">
                  <c:v>10.3</c:v>
                </c:pt>
                <c:pt idx="350">
                  <c:v>10.3</c:v>
                </c:pt>
                <c:pt idx="351">
                  <c:v>10.3</c:v>
                </c:pt>
                <c:pt idx="352">
                  <c:v>10.3</c:v>
                </c:pt>
                <c:pt idx="353">
                  <c:v>10.3</c:v>
                </c:pt>
                <c:pt idx="354">
                  <c:v>10.3</c:v>
                </c:pt>
                <c:pt idx="355">
                  <c:v>10.3</c:v>
                </c:pt>
                <c:pt idx="356">
                  <c:v>10.3</c:v>
                </c:pt>
                <c:pt idx="357">
                  <c:v>10.3</c:v>
                </c:pt>
                <c:pt idx="358">
                  <c:v>10.3</c:v>
                </c:pt>
                <c:pt idx="359">
                  <c:v>10.3</c:v>
                </c:pt>
                <c:pt idx="360">
                  <c:v>10.3</c:v>
                </c:pt>
                <c:pt idx="361">
                  <c:v>10.8</c:v>
                </c:pt>
                <c:pt idx="362">
                  <c:v>10.8</c:v>
                </c:pt>
                <c:pt idx="363">
                  <c:v>10.8</c:v>
                </c:pt>
                <c:pt idx="364">
                  <c:v>10.8</c:v>
                </c:pt>
                <c:pt idx="365">
                  <c:v>10.8</c:v>
                </c:pt>
                <c:pt idx="366">
                  <c:v>11.3</c:v>
                </c:pt>
                <c:pt idx="367">
                  <c:v>11.3</c:v>
                </c:pt>
                <c:pt idx="368">
                  <c:v>11.3</c:v>
                </c:pt>
                <c:pt idx="369">
                  <c:v>11.3</c:v>
                </c:pt>
                <c:pt idx="370">
                  <c:v>11.3</c:v>
                </c:pt>
                <c:pt idx="371">
                  <c:v>11.3</c:v>
                </c:pt>
                <c:pt idx="372">
                  <c:v>11.3</c:v>
                </c:pt>
                <c:pt idx="373">
                  <c:v>11.3</c:v>
                </c:pt>
                <c:pt idx="374">
                  <c:v>11.3</c:v>
                </c:pt>
                <c:pt idx="375">
                  <c:v>11.3</c:v>
                </c:pt>
                <c:pt idx="376">
                  <c:v>11.3</c:v>
                </c:pt>
                <c:pt idx="377">
                  <c:v>11.3</c:v>
                </c:pt>
                <c:pt idx="378">
                  <c:v>10.8</c:v>
                </c:pt>
                <c:pt idx="379">
                  <c:v>10.8</c:v>
                </c:pt>
                <c:pt idx="380">
                  <c:v>10.8</c:v>
                </c:pt>
                <c:pt idx="381">
                  <c:v>10.3</c:v>
                </c:pt>
                <c:pt idx="382">
                  <c:v>10.3</c:v>
                </c:pt>
                <c:pt idx="383">
                  <c:v>10.3</c:v>
                </c:pt>
                <c:pt idx="384">
                  <c:v>10.3</c:v>
                </c:pt>
                <c:pt idx="385">
                  <c:v>10.3</c:v>
                </c:pt>
                <c:pt idx="386">
                  <c:v>10.8</c:v>
                </c:pt>
                <c:pt idx="387">
                  <c:v>10.8</c:v>
                </c:pt>
                <c:pt idx="388">
                  <c:v>10.8</c:v>
                </c:pt>
                <c:pt idx="389">
                  <c:v>10.8</c:v>
                </c:pt>
                <c:pt idx="390">
                  <c:v>10.8</c:v>
                </c:pt>
                <c:pt idx="391">
                  <c:v>10.8</c:v>
                </c:pt>
                <c:pt idx="392">
                  <c:v>10.8</c:v>
                </c:pt>
                <c:pt idx="393">
                  <c:v>10.8</c:v>
                </c:pt>
                <c:pt idx="394">
                  <c:v>10.8</c:v>
                </c:pt>
                <c:pt idx="395">
                  <c:v>10.8</c:v>
                </c:pt>
                <c:pt idx="396">
                  <c:v>11.3</c:v>
                </c:pt>
                <c:pt idx="397">
                  <c:v>11.3</c:v>
                </c:pt>
                <c:pt idx="398">
                  <c:v>11.3</c:v>
                </c:pt>
                <c:pt idx="399">
                  <c:v>11.3</c:v>
                </c:pt>
                <c:pt idx="400">
                  <c:v>11.3</c:v>
                </c:pt>
                <c:pt idx="401">
                  <c:v>11.3</c:v>
                </c:pt>
                <c:pt idx="402">
                  <c:v>10.8</c:v>
                </c:pt>
                <c:pt idx="403">
                  <c:v>10.8</c:v>
                </c:pt>
                <c:pt idx="404">
                  <c:v>11.3</c:v>
                </c:pt>
                <c:pt idx="405">
                  <c:v>10.8</c:v>
                </c:pt>
                <c:pt idx="406">
                  <c:v>10.8</c:v>
                </c:pt>
                <c:pt idx="407">
                  <c:v>10.8</c:v>
                </c:pt>
                <c:pt idx="408">
                  <c:v>10.3</c:v>
                </c:pt>
                <c:pt idx="409">
                  <c:v>10.8</c:v>
                </c:pt>
                <c:pt idx="410">
                  <c:v>10.8</c:v>
                </c:pt>
                <c:pt idx="411">
                  <c:v>10.8</c:v>
                </c:pt>
                <c:pt idx="412">
                  <c:v>10.8</c:v>
                </c:pt>
                <c:pt idx="413">
                  <c:v>10.8</c:v>
                </c:pt>
                <c:pt idx="414">
                  <c:v>10.8</c:v>
                </c:pt>
                <c:pt idx="415">
                  <c:v>10.8</c:v>
                </c:pt>
                <c:pt idx="416">
                  <c:v>10.8</c:v>
                </c:pt>
                <c:pt idx="417">
                  <c:v>11.3</c:v>
                </c:pt>
                <c:pt idx="418">
                  <c:v>11.3</c:v>
                </c:pt>
                <c:pt idx="419">
                  <c:v>11.3</c:v>
                </c:pt>
                <c:pt idx="420">
                  <c:v>11.3</c:v>
                </c:pt>
                <c:pt idx="421">
                  <c:v>11.3</c:v>
                </c:pt>
                <c:pt idx="422">
                  <c:v>11.3</c:v>
                </c:pt>
                <c:pt idx="423">
                  <c:v>11.3</c:v>
                </c:pt>
                <c:pt idx="424">
                  <c:v>10.8</c:v>
                </c:pt>
                <c:pt idx="425">
                  <c:v>10.8</c:v>
                </c:pt>
                <c:pt idx="426">
                  <c:v>10.8</c:v>
                </c:pt>
                <c:pt idx="427">
                  <c:v>10.3</c:v>
                </c:pt>
                <c:pt idx="428">
                  <c:v>10.3</c:v>
                </c:pt>
                <c:pt idx="429">
                  <c:v>9.8000000000000007</c:v>
                </c:pt>
                <c:pt idx="430">
                  <c:v>9.8000000000000007</c:v>
                </c:pt>
                <c:pt idx="431">
                  <c:v>9.8000000000000007</c:v>
                </c:pt>
                <c:pt idx="432">
                  <c:v>9.3000000000000007</c:v>
                </c:pt>
                <c:pt idx="433">
                  <c:v>8.8000000000000007</c:v>
                </c:pt>
                <c:pt idx="434">
                  <c:v>8.8000000000000007</c:v>
                </c:pt>
                <c:pt idx="435">
                  <c:v>8.8000000000000007</c:v>
                </c:pt>
                <c:pt idx="436">
                  <c:v>8.8000000000000007</c:v>
                </c:pt>
                <c:pt idx="437">
                  <c:v>8.8000000000000007</c:v>
                </c:pt>
                <c:pt idx="438">
                  <c:v>8.8000000000000007</c:v>
                </c:pt>
                <c:pt idx="439">
                  <c:v>8.8000000000000007</c:v>
                </c:pt>
                <c:pt idx="440">
                  <c:v>9.3000000000000007</c:v>
                </c:pt>
                <c:pt idx="441">
                  <c:v>9.3000000000000007</c:v>
                </c:pt>
                <c:pt idx="442">
                  <c:v>9.3000000000000007</c:v>
                </c:pt>
                <c:pt idx="443">
                  <c:v>9.3000000000000007</c:v>
                </c:pt>
                <c:pt idx="444">
                  <c:v>9.3000000000000007</c:v>
                </c:pt>
                <c:pt idx="445">
                  <c:v>9.3000000000000007</c:v>
                </c:pt>
                <c:pt idx="446">
                  <c:v>9.3000000000000007</c:v>
                </c:pt>
                <c:pt idx="447">
                  <c:v>9.3000000000000007</c:v>
                </c:pt>
                <c:pt idx="448">
                  <c:v>9.3000000000000007</c:v>
                </c:pt>
                <c:pt idx="449">
                  <c:v>9.3000000000000007</c:v>
                </c:pt>
                <c:pt idx="450">
                  <c:v>8.8000000000000007</c:v>
                </c:pt>
                <c:pt idx="451">
                  <c:v>8.3000000000000007</c:v>
                </c:pt>
                <c:pt idx="452">
                  <c:v>8.3000000000000007</c:v>
                </c:pt>
                <c:pt idx="453">
                  <c:v>7.9</c:v>
                </c:pt>
                <c:pt idx="454">
                  <c:v>7.9</c:v>
                </c:pt>
                <c:pt idx="455">
                  <c:v>7.9</c:v>
                </c:pt>
                <c:pt idx="456">
                  <c:v>7.4</c:v>
                </c:pt>
                <c:pt idx="457">
                  <c:v>7.9</c:v>
                </c:pt>
                <c:pt idx="458">
                  <c:v>7.9</c:v>
                </c:pt>
                <c:pt idx="459">
                  <c:v>7.9</c:v>
                </c:pt>
                <c:pt idx="460">
                  <c:v>7.9</c:v>
                </c:pt>
                <c:pt idx="461">
                  <c:v>7.9</c:v>
                </c:pt>
                <c:pt idx="462">
                  <c:v>7.9</c:v>
                </c:pt>
                <c:pt idx="463">
                  <c:v>7.9</c:v>
                </c:pt>
                <c:pt idx="464">
                  <c:v>7.9</c:v>
                </c:pt>
                <c:pt idx="465">
                  <c:v>7.9</c:v>
                </c:pt>
                <c:pt idx="466">
                  <c:v>7.9</c:v>
                </c:pt>
                <c:pt idx="467">
                  <c:v>7.9</c:v>
                </c:pt>
                <c:pt idx="468">
                  <c:v>7.9</c:v>
                </c:pt>
                <c:pt idx="469">
                  <c:v>7.9</c:v>
                </c:pt>
                <c:pt idx="470">
                  <c:v>7.9</c:v>
                </c:pt>
                <c:pt idx="471">
                  <c:v>7.9</c:v>
                </c:pt>
                <c:pt idx="472">
                  <c:v>7.9</c:v>
                </c:pt>
                <c:pt idx="473">
                  <c:v>7.9</c:v>
                </c:pt>
                <c:pt idx="474">
                  <c:v>7.9</c:v>
                </c:pt>
                <c:pt idx="475">
                  <c:v>7.9</c:v>
                </c:pt>
                <c:pt idx="476">
                  <c:v>7.9</c:v>
                </c:pt>
                <c:pt idx="477">
                  <c:v>7.4</c:v>
                </c:pt>
                <c:pt idx="478">
                  <c:v>7.4</c:v>
                </c:pt>
                <c:pt idx="479">
                  <c:v>7.4</c:v>
                </c:pt>
                <c:pt idx="480">
                  <c:v>7.4</c:v>
                </c:pt>
                <c:pt idx="481">
                  <c:v>7.4</c:v>
                </c:pt>
                <c:pt idx="482">
                  <c:v>7.4</c:v>
                </c:pt>
                <c:pt idx="483">
                  <c:v>7.4</c:v>
                </c:pt>
                <c:pt idx="484">
                  <c:v>7.4</c:v>
                </c:pt>
                <c:pt idx="485">
                  <c:v>6.9</c:v>
                </c:pt>
                <c:pt idx="486">
                  <c:v>6.9</c:v>
                </c:pt>
                <c:pt idx="487">
                  <c:v>7.4</c:v>
                </c:pt>
                <c:pt idx="488">
                  <c:v>6.9</c:v>
                </c:pt>
                <c:pt idx="489">
                  <c:v>6.9</c:v>
                </c:pt>
                <c:pt idx="490">
                  <c:v>6.9</c:v>
                </c:pt>
                <c:pt idx="491">
                  <c:v>6.9</c:v>
                </c:pt>
                <c:pt idx="492">
                  <c:v>6.9</c:v>
                </c:pt>
                <c:pt idx="493">
                  <c:v>6.9</c:v>
                </c:pt>
                <c:pt idx="494">
                  <c:v>6.9</c:v>
                </c:pt>
                <c:pt idx="495">
                  <c:v>6.9</c:v>
                </c:pt>
                <c:pt idx="496">
                  <c:v>6.9</c:v>
                </c:pt>
                <c:pt idx="497">
                  <c:v>6.4</c:v>
                </c:pt>
                <c:pt idx="498">
                  <c:v>6.9</c:v>
                </c:pt>
                <c:pt idx="499">
                  <c:v>6.9</c:v>
                </c:pt>
                <c:pt idx="500">
                  <c:v>6.9</c:v>
                </c:pt>
                <c:pt idx="501">
                  <c:v>6.9</c:v>
                </c:pt>
                <c:pt idx="502">
                  <c:v>6.9</c:v>
                </c:pt>
                <c:pt idx="503">
                  <c:v>6.9</c:v>
                </c:pt>
                <c:pt idx="504">
                  <c:v>7.4</c:v>
                </c:pt>
                <c:pt idx="505">
                  <c:v>7.4</c:v>
                </c:pt>
                <c:pt idx="506">
                  <c:v>7.4</c:v>
                </c:pt>
                <c:pt idx="507">
                  <c:v>7.4</c:v>
                </c:pt>
                <c:pt idx="508">
                  <c:v>7.4</c:v>
                </c:pt>
                <c:pt idx="509">
                  <c:v>7.4</c:v>
                </c:pt>
                <c:pt idx="510">
                  <c:v>7.4</c:v>
                </c:pt>
                <c:pt idx="511">
                  <c:v>7.4</c:v>
                </c:pt>
                <c:pt idx="512">
                  <c:v>7.4</c:v>
                </c:pt>
                <c:pt idx="513">
                  <c:v>7.4</c:v>
                </c:pt>
                <c:pt idx="514">
                  <c:v>7.4</c:v>
                </c:pt>
                <c:pt idx="515">
                  <c:v>7.4</c:v>
                </c:pt>
                <c:pt idx="516">
                  <c:v>7.4</c:v>
                </c:pt>
                <c:pt idx="517">
                  <c:v>7.4</c:v>
                </c:pt>
                <c:pt idx="518">
                  <c:v>7.4</c:v>
                </c:pt>
                <c:pt idx="519">
                  <c:v>7.4</c:v>
                </c:pt>
                <c:pt idx="520">
                  <c:v>7.4</c:v>
                </c:pt>
                <c:pt idx="521">
                  <c:v>7.4</c:v>
                </c:pt>
                <c:pt idx="522">
                  <c:v>7.4</c:v>
                </c:pt>
                <c:pt idx="523">
                  <c:v>7.4</c:v>
                </c:pt>
                <c:pt idx="524">
                  <c:v>7.4</c:v>
                </c:pt>
                <c:pt idx="525">
                  <c:v>7.4</c:v>
                </c:pt>
                <c:pt idx="526">
                  <c:v>7.4</c:v>
                </c:pt>
                <c:pt idx="527">
                  <c:v>7.4</c:v>
                </c:pt>
                <c:pt idx="528">
                  <c:v>6.9</c:v>
                </c:pt>
                <c:pt idx="529">
                  <c:v>6.9</c:v>
                </c:pt>
                <c:pt idx="530">
                  <c:v>7.4</c:v>
                </c:pt>
                <c:pt idx="531">
                  <c:v>7.4</c:v>
                </c:pt>
                <c:pt idx="532">
                  <c:v>7.4</c:v>
                </c:pt>
                <c:pt idx="533">
                  <c:v>7.4</c:v>
                </c:pt>
                <c:pt idx="534">
                  <c:v>7.4</c:v>
                </c:pt>
                <c:pt idx="535">
                  <c:v>7.4</c:v>
                </c:pt>
                <c:pt idx="536">
                  <c:v>7.4</c:v>
                </c:pt>
                <c:pt idx="537">
                  <c:v>7.4</c:v>
                </c:pt>
                <c:pt idx="538">
                  <c:v>6.9</c:v>
                </c:pt>
                <c:pt idx="539">
                  <c:v>6.9</c:v>
                </c:pt>
                <c:pt idx="540">
                  <c:v>6.9</c:v>
                </c:pt>
                <c:pt idx="541">
                  <c:v>6.9</c:v>
                </c:pt>
                <c:pt idx="542">
                  <c:v>6.9</c:v>
                </c:pt>
                <c:pt idx="543">
                  <c:v>6.9</c:v>
                </c:pt>
                <c:pt idx="544">
                  <c:v>6.9</c:v>
                </c:pt>
                <c:pt idx="545">
                  <c:v>6.9</c:v>
                </c:pt>
                <c:pt idx="546">
                  <c:v>6.9</c:v>
                </c:pt>
                <c:pt idx="547">
                  <c:v>7.4</c:v>
                </c:pt>
                <c:pt idx="548">
                  <c:v>7.4</c:v>
                </c:pt>
                <c:pt idx="549">
                  <c:v>7.4</c:v>
                </c:pt>
                <c:pt idx="550">
                  <c:v>7.4</c:v>
                </c:pt>
                <c:pt idx="551">
                  <c:v>7.4</c:v>
                </c:pt>
                <c:pt idx="552">
                  <c:v>7.4</c:v>
                </c:pt>
                <c:pt idx="553">
                  <c:v>7.4</c:v>
                </c:pt>
                <c:pt idx="554">
                  <c:v>7.4</c:v>
                </c:pt>
                <c:pt idx="555">
                  <c:v>7.4</c:v>
                </c:pt>
                <c:pt idx="556">
                  <c:v>7.4</c:v>
                </c:pt>
                <c:pt idx="557">
                  <c:v>7.4</c:v>
                </c:pt>
                <c:pt idx="558">
                  <c:v>7.4</c:v>
                </c:pt>
                <c:pt idx="559">
                  <c:v>7.4</c:v>
                </c:pt>
                <c:pt idx="560">
                  <c:v>7.4</c:v>
                </c:pt>
                <c:pt idx="561">
                  <c:v>7.4</c:v>
                </c:pt>
                <c:pt idx="562">
                  <c:v>7.4</c:v>
                </c:pt>
                <c:pt idx="563">
                  <c:v>7.4</c:v>
                </c:pt>
                <c:pt idx="564">
                  <c:v>7.4</c:v>
                </c:pt>
                <c:pt idx="565">
                  <c:v>7.4</c:v>
                </c:pt>
                <c:pt idx="566">
                  <c:v>7.4</c:v>
                </c:pt>
                <c:pt idx="567">
                  <c:v>7.4</c:v>
                </c:pt>
                <c:pt idx="568">
                  <c:v>7.4</c:v>
                </c:pt>
                <c:pt idx="569">
                  <c:v>7.4</c:v>
                </c:pt>
                <c:pt idx="570">
                  <c:v>7.4</c:v>
                </c:pt>
                <c:pt idx="571">
                  <c:v>7.4</c:v>
                </c:pt>
                <c:pt idx="572">
                  <c:v>7.4</c:v>
                </c:pt>
                <c:pt idx="573">
                  <c:v>7.4</c:v>
                </c:pt>
                <c:pt idx="574">
                  <c:v>7.4</c:v>
                </c:pt>
                <c:pt idx="575">
                  <c:v>7.9</c:v>
                </c:pt>
                <c:pt idx="576">
                  <c:v>7.9</c:v>
                </c:pt>
                <c:pt idx="577">
                  <c:v>7.9</c:v>
                </c:pt>
                <c:pt idx="578">
                  <c:v>7.9</c:v>
                </c:pt>
                <c:pt idx="579">
                  <c:v>7.9</c:v>
                </c:pt>
                <c:pt idx="580">
                  <c:v>7.9</c:v>
                </c:pt>
                <c:pt idx="581">
                  <c:v>7.9</c:v>
                </c:pt>
                <c:pt idx="582">
                  <c:v>7.9</c:v>
                </c:pt>
                <c:pt idx="583">
                  <c:v>7.9</c:v>
                </c:pt>
                <c:pt idx="584">
                  <c:v>7.9</c:v>
                </c:pt>
                <c:pt idx="585">
                  <c:v>7.9</c:v>
                </c:pt>
                <c:pt idx="586">
                  <c:v>8.3000000000000007</c:v>
                </c:pt>
                <c:pt idx="587">
                  <c:v>8.3000000000000007</c:v>
                </c:pt>
                <c:pt idx="588">
                  <c:v>8.3000000000000007</c:v>
                </c:pt>
                <c:pt idx="589">
                  <c:v>8.3000000000000007</c:v>
                </c:pt>
                <c:pt idx="590">
                  <c:v>8.3000000000000007</c:v>
                </c:pt>
                <c:pt idx="591">
                  <c:v>7.9</c:v>
                </c:pt>
                <c:pt idx="592">
                  <c:v>7.9</c:v>
                </c:pt>
                <c:pt idx="593">
                  <c:v>8.3000000000000007</c:v>
                </c:pt>
                <c:pt idx="594">
                  <c:v>8.3000000000000007</c:v>
                </c:pt>
                <c:pt idx="595">
                  <c:v>8.3000000000000007</c:v>
                </c:pt>
                <c:pt idx="596">
                  <c:v>8.3000000000000007</c:v>
                </c:pt>
                <c:pt idx="597">
                  <c:v>8.3000000000000007</c:v>
                </c:pt>
                <c:pt idx="598">
                  <c:v>8.3000000000000007</c:v>
                </c:pt>
                <c:pt idx="599">
                  <c:v>8.3000000000000007</c:v>
                </c:pt>
                <c:pt idx="600">
                  <c:v>8.8000000000000007</c:v>
                </c:pt>
                <c:pt idx="601">
                  <c:v>8.8000000000000007</c:v>
                </c:pt>
                <c:pt idx="602">
                  <c:v>8.8000000000000007</c:v>
                </c:pt>
                <c:pt idx="603">
                  <c:v>8.8000000000000007</c:v>
                </c:pt>
                <c:pt idx="604">
                  <c:v>8.8000000000000007</c:v>
                </c:pt>
                <c:pt idx="605">
                  <c:v>8.8000000000000007</c:v>
                </c:pt>
                <c:pt idx="606">
                  <c:v>8.8000000000000007</c:v>
                </c:pt>
                <c:pt idx="607">
                  <c:v>8.8000000000000007</c:v>
                </c:pt>
                <c:pt idx="608">
                  <c:v>8.8000000000000007</c:v>
                </c:pt>
                <c:pt idx="609">
                  <c:v>8.8000000000000007</c:v>
                </c:pt>
                <c:pt idx="610">
                  <c:v>8.8000000000000007</c:v>
                </c:pt>
                <c:pt idx="611">
                  <c:v>8.8000000000000007</c:v>
                </c:pt>
                <c:pt idx="612">
                  <c:v>8.8000000000000007</c:v>
                </c:pt>
                <c:pt idx="613">
                  <c:v>8.8000000000000007</c:v>
                </c:pt>
                <c:pt idx="614">
                  <c:v>8.8000000000000007</c:v>
                </c:pt>
                <c:pt idx="615">
                  <c:v>8.8000000000000007</c:v>
                </c:pt>
                <c:pt idx="616">
                  <c:v>8.3000000000000007</c:v>
                </c:pt>
                <c:pt idx="617">
                  <c:v>7.9</c:v>
                </c:pt>
                <c:pt idx="618">
                  <c:v>7.9</c:v>
                </c:pt>
                <c:pt idx="619">
                  <c:v>7.9</c:v>
                </c:pt>
                <c:pt idx="620">
                  <c:v>7.9</c:v>
                </c:pt>
                <c:pt idx="621">
                  <c:v>7.4</c:v>
                </c:pt>
                <c:pt idx="622">
                  <c:v>7.4</c:v>
                </c:pt>
                <c:pt idx="623">
                  <c:v>7.4</c:v>
                </c:pt>
                <c:pt idx="624">
                  <c:v>7.9</c:v>
                </c:pt>
                <c:pt idx="625">
                  <c:v>7.9</c:v>
                </c:pt>
                <c:pt idx="626">
                  <c:v>7.9</c:v>
                </c:pt>
                <c:pt idx="627">
                  <c:v>7.9</c:v>
                </c:pt>
                <c:pt idx="628">
                  <c:v>7.9</c:v>
                </c:pt>
                <c:pt idx="629">
                  <c:v>7.9</c:v>
                </c:pt>
                <c:pt idx="630">
                  <c:v>7.9</c:v>
                </c:pt>
                <c:pt idx="631">
                  <c:v>7.9</c:v>
                </c:pt>
                <c:pt idx="632">
                  <c:v>7.9</c:v>
                </c:pt>
                <c:pt idx="633">
                  <c:v>7.9</c:v>
                </c:pt>
                <c:pt idx="634">
                  <c:v>7.4</c:v>
                </c:pt>
                <c:pt idx="635">
                  <c:v>7.4</c:v>
                </c:pt>
                <c:pt idx="636">
                  <c:v>6.9</c:v>
                </c:pt>
                <c:pt idx="637">
                  <c:v>6.4</c:v>
                </c:pt>
                <c:pt idx="638">
                  <c:v>6.4</c:v>
                </c:pt>
                <c:pt idx="639">
                  <c:v>6.4</c:v>
                </c:pt>
                <c:pt idx="640">
                  <c:v>5.9</c:v>
                </c:pt>
                <c:pt idx="641">
                  <c:v>5.9</c:v>
                </c:pt>
                <c:pt idx="642">
                  <c:v>5.9</c:v>
                </c:pt>
                <c:pt idx="643">
                  <c:v>5.9</c:v>
                </c:pt>
                <c:pt idx="644">
                  <c:v>5.4</c:v>
                </c:pt>
                <c:pt idx="645">
                  <c:v>5.4</c:v>
                </c:pt>
                <c:pt idx="646">
                  <c:v>5.4</c:v>
                </c:pt>
                <c:pt idx="647">
                  <c:v>5.4</c:v>
                </c:pt>
                <c:pt idx="648">
                  <c:v>5.4</c:v>
                </c:pt>
                <c:pt idx="649">
                  <c:v>5.4</c:v>
                </c:pt>
                <c:pt idx="650">
                  <c:v>5.4</c:v>
                </c:pt>
                <c:pt idx="651">
                  <c:v>5.4</c:v>
                </c:pt>
                <c:pt idx="652">
                  <c:v>5.4</c:v>
                </c:pt>
                <c:pt idx="653">
                  <c:v>5.4</c:v>
                </c:pt>
                <c:pt idx="654">
                  <c:v>5.4</c:v>
                </c:pt>
                <c:pt idx="655">
                  <c:v>5.4</c:v>
                </c:pt>
                <c:pt idx="656">
                  <c:v>5.4</c:v>
                </c:pt>
                <c:pt idx="657">
                  <c:v>5.4</c:v>
                </c:pt>
                <c:pt idx="658">
                  <c:v>5.4</c:v>
                </c:pt>
                <c:pt idx="659">
                  <c:v>5.4</c:v>
                </c:pt>
                <c:pt idx="660">
                  <c:v>5.4</c:v>
                </c:pt>
                <c:pt idx="661">
                  <c:v>5.4</c:v>
                </c:pt>
                <c:pt idx="662">
                  <c:v>5.4</c:v>
                </c:pt>
                <c:pt idx="663">
                  <c:v>4.9000000000000004</c:v>
                </c:pt>
                <c:pt idx="664">
                  <c:v>4.9000000000000004</c:v>
                </c:pt>
                <c:pt idx="665">
                  <c:v>4.9000000000000004</c:v>
                </c:pt>
                <c:pt idx="666">
                  <c:v>4.9000000000000004</c:v>
                </c:pt>
                <c:pt idx="667">
                  <c:v>4.9000000000000004</c:v>
                </c:pt>
                <c:pt idx="668">
                  <c:v>4.4000000000000004</c:v>
                </c:pt>
                <c:pt idx="669">
                  <c:v>4.4000000000000004</c:v>
                </c:pt>
                <c:pt idx="670">
                  <c:v>4.4000000000000004</c:v>
                </c:pt>
                <c:pt idx="671">
                  <c:v>4.4000000000000004</c:v>
                </c:pt>
                <c:pt idx="672">
                  <c:v>4.4000000000000004</c:v>
                </c:pt>
                <c:pt idx="673">
                  <c:v>4.4000000000000004</c:v>
                </c:pt>
                <c:pt idx="674">
                  <c:v>4.4000000000000004</c:v>
                </c:pt>
                <c:pt idx="675">
                  <c:v>4.4000000000000004</c:v>
                </c:pt>
                <c:pt idx="676">
                  <c:v>4.4000000000000004</c:v>
                </c:pt>
                <c:pt idx="677">
                  <c:v>4.4000000000000004</c:v>
                </c:pt>
                <c:pt idx="678">
                  <c:v>4.4000000000000004</c:v>
                </c:pt>
                <c:pt idx="679">
                  <c:v>4.4000000000000004</c:v>
                </c:pt>
                <c:pt idx="680">
                  <c:v>4.4000000000000004</c:v>
                </c:pt>
                <c:pt idx="681">
                  <c:v>4.4000000000000004</c:v>
                </c:pt>
                <c:pt idx="682">
                  <c:v>4.4000000000000004</c:v>
                </c:pt>
                <c:pt idx="683">
                  <c:v>4.4000000000000004</c:v>
                </c:pt>
                <c:pt idx="684">
                  <c:v>4.4000000000000004</c:v>
                </c:pt>
                <c:pt idx="685">
                  <c:v>4.4000000000000004</c:v>
                </c:pt>
                <c:pt idx="686">
                  <c:v>4.4000000000000004</c:v>
                </c:pt>
                <c:pt idx="687">
                  <c:v>4</c:v>
                </c:pt>
                <c:pt idx="688">
                  <c:v>4</c:v>
                </c:pt>
                <c:pt idx="689">
                  <c:v>4</c:v>
                </c:pt>
                <c:pt idx="690">
                  <c:v>4</c:v>
                </c:pt>
                <c:pt idx="691">
                  <c:v>4</c:v>
                </c:pt>
                <c:pt idx="692">
                  <c:v>4</c:v>
                </c:pt>
                <c:pt idx="693">
                  <c:v>4</c:v>
                </c:pt>
                <c:pt idx="694">
                  <c:v>4</c:v>
                </c:pt>
                <c:pt idx="695">
                  <c:v>4</c:v>
                </c:pt>
                <c:pt idx="696">
                  <c:v>4</c:v>
                </c:pt>
                <c:pt idx="697">
                  <c:v>4</c:v>
                </c:pt>
                <c:pt idx="698">
                  <c:v>4</c:v>
                </c:pt>
                <c:pt idx="699">
                  <c:v>4</c:v>
                </c:pt>
                <c:pt idx="700">
                  <c:v>4</c:v>
                </c:pt>
                <c:pt idx="701">
                  <c:v>4</c:v>
                </c:pt>
                <c:pt idx="702">
                  <c:v>4</c:v>
                </c:pt>
                <c:pt idx="703">
                  <c:v>4.4000000000000004</c:v>
                </c:pt>
                <c:pt idx="704">
                  <c:v>4.4000000000000004</c:v>
                </c:pt>
                <c:pt idx="705">
                  <c:v>4.4000000000000004</c:v>
                </c:pt>
                <c:pt idx="706">
                  <c:v>4.4000000000000004</c:v>
                </c:pt>
                <c:pt idx="707">
                  <c:v>4.4000000000000004</c:v>
                </c:pt>
                <c:pt idx="708">
                  <c:v>4.4000000000000004</c:v>
                </c:pt>
                <c:pt idx="709">
                  <c:v>4.4000000000000004</c:v>
                </c:pt>
                <c:pt idx="710">
                  <c:v>4.4000000000000004</c:v>
                </c:pt>
                <c:pt idx="711">
                  <c:v>4.4000000000000004</c:v>
                </c:pt>
                <c:pt idx="712">
                  <c:v>4.4000000000000004</c:v>
                </c:pt>
                <c:pt idx="713">
                  <c:v>4.4000000000000004</c:v>
                </c:pt>
                <c:pt idx="714">
                  <c:v>4.4000000000000004</c:v>
                </c:pt>
                <c:pt idx="715">
                  <c:v>4.4000000000000004</c:v>
                </c:pt>
                <c:pt idx="716">
                  <c:v>4.4000000000000004</c:v>
                </c:pt>
                <c:pt idx="717">
                  <c:v>4.4000000000000004</c:v>
                </c:pt>
                <c:pt idx="718">
                  <c:v>4.4000000000000004</c:v>
                </c:pt>
                <c:pt idx="719">
                  <c:v>4.9000000000000004</c:v>
                </c:pt>
                <c:pt idx="720">
                  <c:v>4.9000000000000004</c:v>
                </c:pt>
                <c:pt idx="721">
                  <c:v>4.4000000000000004</c:v>
                </c:pt>
                <c:pt idx="722">
                  <c:v>4.4000000000000004</c:v>
                </c:pt>
                <c:pt idx="723">
                  <c:v>4.4000000000000004</c:v>
                </c:pt>
                <c:pt idx="724">
                  <c:v>4.4000000000000004</c:v>
                </c:pt>
                <c:pt idx="725">
                  <c:v>4.4000000000000004</c:v>
                </c:pt>
                <c:pt idx="726">
                  <c:v>4.4000000000000004</c:v>
                </c:pt>
                <c:pt idx="727">
                  <c:v>4.4000000000000004</c:v>
                </c:pt>
                <c:pt idx="728">
                  <c:v>4.4000000000000004</c:v>
                </c:pt>
                <c:pt idx="729">
                  <c:v>4.4000000000000004</c:v>
                </c:pt>
                <c:pt idx="730">
                  <c:v>4.4000000000000004</c:v>
                </c:pt>
                <c:pt idx="731">
                  <c:v>4.4000000000000004</c:v>
                </c:pt>
                <c:pt idx="732">
                  <c:v>4.4000000000000004</c:v>
                </c:pt>
                <c:pt idx="733">
                  <c:v>4.4000000000000004</c:v>
                </c:pt>
                <c:pt idx="734">
                  <c:v>4.4000000000000004</c:v>
                </c:pt>
                <c:pt idx="735">
                  <c:v>4.4000000000000004</c:v>
                </c:pt>
                <c:pt idx="736">
                  <c:v>4.4000000000000004</c:v>
                </c:pt>
                <c:pt idx="737">
                  <c:v>4.4000000000000004</c:v>
                </c:pt>
                <c:pt idx="738">
                  <c:v>4.4000000000000004</c:v>
                </c:pt>
                <c:pt idx="739">
                  <c:v>4.4000000000000004</c:v>
                </c:pt>
                <c:pt idx="740">
                  <c:v>4.4000000000000004</c:v>
                </c:pt>
                <c:pt idx="741">
                  <c:v>4.4000000000000004</c:v>
                </c:pt>
                <c:pt idx="742">
                  <c:v>4.4000000000000004</c:v>
                </c:pt>
                <c:pt idx="743">
                  <c:v>4.4000000000000004</c:v>
                </c:pt>
                <c:pt idx="744">
                  <c:v>4.4000000000000004</c:v>
                </c:pt>
                <c:pt idx="745">
                  <c:v>4.4000000000000004</c:v>
                </c:pt>
                <c:pt idx="746">
                  <c:v>4.4000000000000004</c:v>
                </c:pt>
                <c:pt idx="747">
                  <c:v>4</c:v>
                </c:pt>
                <c:pt idx="748">
                  <c:v>4</c:v>
                </c:pt>
                <c:pt idx="749">
                  <c:v>4</c:v>
                </c:pt>
                <c:pt idx="750">
                  <c:v>4.4000000000000004</c:v>
                </c:pt>
                <c:pt idx="751">
                  <c:v>4.4000000000000004</c:v>
                </c:pt>
                <c:pt idx="752">
                  <c:v>4.4000000000000004</c:v>
                </c:pt>
                <c:pt idx="753">
                  <c:v>4.4000000000000004</c:v>
                </c:pt>
                <c:pt idx="754">
                  <c:v>4.4000000000000004</c:v>
                </c:pt>
                <c:pt idx="755">
                  <c:v>4.4000000000000004</c:v>
                </c:pt>
                <c:pt idx="756">
                  <c:v>4</c:v>
                </c:pt>
                <c:pt idx="757">
                  <c:v>4</c:v>
                </c:pt>
                <c:pt idx="758">
                  <c:v>4</c:v>
                </c:pt>
                <c:pt idx="759">
                  <c:v>4</c:v>
                </c:pt>
                <c:pt idx="760">
                  <c:v>4</c:v>
                </c:pt>
                <c:pt idx="761">
                  <c:v>4</c:v>
                </c:pt>
                <c:pt idx="762">
                  <c:v>4.4000000000000004</c:v>
                </c:pt>
                <c:pt idx="763">
                  <c:v>4.4000000000000004</c:v>
                </c:pt>
                <c:pt idx="764">
                  <c:v>4</c:v>
                </c:pt>
                <c:pt idx="765">
                  <c:v>4</c:v>
                </c:pt>
                <c:pt idx="766">
                  <c:v>4.4000000000000004</c:v>
                </c:pt>
                <c:pt idx="767">
                  <c:v>4.4000000000000004</c:v>
                </c:pt>
                <c:pt idx="768">
                  <c:v>4.4000000000000004</c:v>
                </c:pt>
                <c:pt idx="769">
                  <c:v>4.4000000000000004</c:v>
                </c:pt>
                <c:pt idx="770">
                  <c:v>4.4000000000000004</c:v>
                </c:pt>
                <c:pt idx="771">
                  <c:v>4.9000000000000004</c:v>
                </c:pt>
                <c:pt idx="772">
                  <c:v>4.9000000000000004</c:v>
                </c:pt>
                <c:pt idx="773">
                  <c:v>4.9000000000000004</c:v>
                </c:pt>
                <c:pt idx="774">
                  <c:v>4.9000000000000004</c:v>
                </c:pt>
                <c:pt idx="775">
                  <c:v>4.4000000000000004</c:v>
                </c:pt>
                <c:pt idx="776">
                  <c:v>4.4000000000000004</c:v>
                </c:pt>
                <c:pt idx="777">
                  <c:v>4.4000000000000004</c:v>
                </c:pt>
                <c:pt idx="778">
                  <c:v>4.4000000000000004</c:v>
                </c:pt>
                <c:pt idx="779">
                  <c:v>4.9000000000000004</c:v>
                </c:pt>
                <c:pt idx="780">
                  <c:v>4.9000000000000004</c:v>
                </c:pt>
                <c:pt idx="781">
                  <c:v>4.9000000000000004</c:v>
                </c:pt>
                <c:pt idx="782">
                  <c:v>4.4000000000000004</c:v>
                </c:pt>
                <c:pt idx="783">
                  <c:v>4.4000000000000004</c:v>
                </c:pt>
                <c:pt idx="784">
                  <c:v>4.4000000000000004</c:v>
                </c:pt>
                <c:pt idx="785">
                  <c:v>4.4000000000000004</c:v>
                </c:pt>
                <c:pt idx="786">
                  <c:v>4.4000000000000004</c:v>
                </c:pt>
                <c:pt idx="787">
                  <c:v>4.4000000000000004</c:v>
                </c:pt>
                <c:pt idx="788">
                  <c:v>4.4000000000000004</c:v>
                </c:pt>
                <c:pt idx="789">
                  <c:v>4.4000000000000004</c:v>
                </c:pt>
                <c:pt idx="790">
                  <c:v>4.4000000000000004</c:v>
                </c:pt>
                <c:pt idx="791">
                  <c:v>4.4000000000000004</c:v>
                </c:pt>
                <c:pt idx="792">
                  <c:v>4.4000000000000004</c:v>
                </c:pt>
                <c:pt idx="793">
                  <c:v>4</c:v>
                </c:pt>
                <c:pt idx="794">
                  <c:v>4</c:v>
                </c:pt>
                <c:pt idx="795">
                  <c:v>4</c:v>
                </c:pt>
                <c:pt idx="796">
                  <c:v>4</c:v>
                </c:pt>
                <c:pt idx="797">
                  <c:v>4</c:v>
                </c:pt>
                <c:pt idx="798">
                  <c:v>4</c:v>
                </c:pt>
                <c:pt idx="799">
                  <c:v>4</c:v>
                </c:pt>
                <c:pt idx="800">
                  <c:v>4</c:v>
                </c:pt>
                <c:pt idx="801">
                  <c:v>4</c:v>
                </c:pt>
                <c:pt idx="802">
                  <c:v>4</c:v>
                </c:pt>
                <c:pt idx="803">
                  <c:v>4</c:v>
                </c:pt>
                <c:pt idx="804">
                  <c:v>4.4000000000000004</c:v>
                </c:pt>
                <c:pt idx="805">
                  <c:v>4.4000000000000004</c:v>
                </c:pt>
                <c:pt idx="806">
                  <c:v>4.4000000000000004</c:v>
                </c:pt>
                <c:pt idx="807">
                  <c:v>4</c:v>
                </c:pt>
                <c:pt idx="808">
                  <c:v>4</c:v>
                </c:pt>
                <c:pt idx="809">
                  <c:v>4</c:v>
                </c:pt>
                <c:pt idx="810">
                  <c:v>4</c:v>
                </c:pt>
                <c:pt idx="811">
                  <c:v>4</c:v>
                </c:pt>
                <c:pt idx="812">
                  <c:v>4</c:v>
                </c:pt>
                <c:pt idx="813">
                  <c:v>4</c:v>
                </c:pt>
                <c:pt idx="814">
                  <c:v>4</c:v>
                </c:pt>
                <c:pt idx="815">
                  <c:v>4</c:v>
                </c:pt>
                <c:pt idx="816">
                  <c:v>4</c:v>
                </c:pt>
                <c:pt idx="817">
                  <c:v>4</c:v>
                </c:pt>
                <c:pt idx="818">
                  <c:v>4</c:v>
                </c:pt>
                <c:pt idx="819">
                  <c:v>4</c:v>
                </c:pt>
                <c:pt idx="820">
                  <c:v>4</c:v>
                </c:pt>
                <c:pt idx="821">
                  <c:v>4</c:v>
                </c:pt>
                <c:pt idx="822">
                  <c:v>4</c:v>
                </c:pt>
                <c:pt idx="823">
                  <c:v>4</c:v>
                </c:pt>
                <c:pt idx="824">
                  <c:v>4.4000000000000004</c:v>
                </c:pt>
                <c:pt idx="825">
                  <c:v>4.4000000000000004</c:v>
                </c:pt>
                <c:pt idx="826">
                  <c:v>4.4000000000000004</c:v>
                </c:pt>
                <c:pt idx="827">
                  <c:v>4.9000000000000004</c:v>
                </c:pt>
                <c:pt idx="828">
                  <c:v>4.9000000000000004</c:v>
                </c:pt>
                <c:pt idx="829">
                  <c:v>4.9000000000000004</c:v>
                </c:pt>
                <c:pt idx="830">
                  <c:v>4.9000000000000004</c:v>
                </c:pt>
                <c:pt idx="831">
                  <c:v>4.9000000000000004</c:v>
                </c:pt>
                <c:pt idx="832">
                  <c:v>4.9000000000000004</c:v>
                </c:pt>
                <c:pt idx="833">
                  <c:v>4.9000000000000004</c:v>
                </c:pt>
                <c:pt idx="834">
                  <c:v>4.9000000000000004</c:v>
                </c:pt>
                <c:pt idx="835">
                  <c:v>4.9000000000000004</c:v>
                </c:pt>
                <c:pt idx="836">
                  <c:v>5.4</c:v>
                </c:pt>
                <c:pt idx="837">
                  <c:v>4.9000000000000004</c:v>
                </c:pt>
                <c:pt idx="838">
                  <c:v>5.4</c:v>
                </c:pt>
                <c:pt idx="839">
                  <c:v>5.4</c:v>
                </c:pt>
                <c:pt idx="840">
                  <c:v>5.4</c:v>
                </c:pt>
                <c:pt idx="841">
                  <c:v>5.4</c:v>
                </c:pt>
                <c:pt idx="842">
                  <c:v>5.4</c:v>
                </c:pt>
                <c:pt idx="843">
                  <c:v>5.4</c:v>
                </c:pt>
                <c:pt idx="844">
                  <c:v>4.9000000000000004</c:v>
                </c:pt>
                <c:pt idx="845">
                  <c:v>4.9000000000000004</c:v>
                </c:pt>
                <c:pt idx="846">
                  <c:v>4.9000000000000004</c:v>
                </c:pt>
                <c:pt idx="847">
                  <c:v>4.9000000000000004</c:v>
                </c:pt>
                <c:pt idx="848">
                  <c:v>4.9000000000000004</c:v>
                </c:pt>
                <c:pt idx="849">
                  <c:v>4.9000000000000004</c:v>
                </c:pt>
                <c:pt idx="850">
                  <c:v>4.9000000000000004</c:v>
                </c:pt>
                <c:pt idx="851">
                  <c:v>4.9000000000000004</c:v>
                </c:pt>
                <c:pt idx="852">
                  <c:v>4.9000000000000004</c:v>
                </c:pt>
                <c:pt idx="853">
                  <c:v>4.9000000000000004</c:v>
                </c:pt>
                <c:pt idx="854">
                  <c:v>5.4</c:v>
                </c:pt>
                <c:pt idx="855">
                  <c:v>5.4</c:v>
                </c:pt>
                <c:pt idx="856">
                  <c:v>5.4</c:v>
                </c:pt>
                <c:pt idx="857">
                  <c:v>5.4</c:v>
                </c:pt>
                <c:pt idx="858">
                  <c:v>5.4</c:v>
                </c:pt>
                <c:pt idx="859">
                  <c:v>5.4</c:v>
                </c:pt>
                <c:pt idx="860">
                  <c:v>5.4</c:v>
                </c:pt>
                <c:pt idx="861">
                  <c:v>5.4</c:v>
                </c:pt>
                <c:pt idx="862">
                  <c:v>5.4</c:v>
                </c:pt>
                <c:pt idx="863">
                  <c:v>5.4</c:v>
                </c:pt>
                <c:pt idx="864">
                  <c:v>5.4</c:v>
                </c:pt>
                <c:pt idx="865">
                  <c:v>5.4</c:v>
                </c:pt>
                <c:pt idx="866">
                  <c:v>5.4</c:v>
                </c:pt>
                <c:pt idx="867">
                  <c:v>5.4</c:v>
                </c:pt>
                <c:pt idx="868">
                  <c:v>5.4</c:v>
                </c:pt>
                <c:pt idx="869">
                  <c:v>5.4</c:v>
                </c:pt>
                <c:pt idx="870">
                  <c:v>5.4</c:v>
                </c:pt>
                <c:pt idx="871">
                  <c:v>5.4</c:v>
                </c:pt>
                <c:pt idx="872">
                  <c:v>5.4</c:v>
                </c:pt>
                <c:pt idx="873">
                  <c:v>5.4</c:v>
                </c:pt>
                <c:pt idx="874">
                  <c:v>5.4</c:v>
                </c:pt>
                <c:pt idx="875">
                  <c:v>5.4</c:v>
                </c:pt>
                <c:pt idx="876">
                  <c:v>5.4</c:v>
                </c:pt>
                <c:pt idx="877">
                  <c:v>4.4000000000000004</c:v>
                </c:pt>
                <c:pt idx="878">
                  <c:v>4.4000000000000004</c:v>
                </c:pt>
                <c:pt idx="879">
                  <c:v>4</c:v>
                </c:pt>
                <c:pt idx="880">
                  <c:v>3.5</c:v>
                </c:pt>
                <c:pt idx="881">
                  <c:v>3</c:v>
                </c:pt>
                <c:pt idx="882">
                  <c:v>3</c:v>
                </c:pt>
                <c:pt idx="883">
                  <c:v>2.5</c:v>
                </c:pt>
                <c:pt idx="884">
                  <c:v>2.5</c:v>
                </c:pt>
                <c:pt idx="885">
                  <c:v>2.5</c:v>
                </c:pt>
                <c:pt idx="886">
                  <c:v>2</c:v>
                </c:pt>
                <c:pt idx="887">
                  <c:v>2</c:v>
                </c:pt>
                <c:pt idx="888">
                  <c:v>2</c:v>
                </c:pt>
                <c:pt idx="889">
                  <c:v>2</c:v>
                </c:pt>
                <c:pt idx="890">
                  <c:v>2</c:v>
                </c:pt>
                <c:pt idx="891">
                  <c:v>2</c:v>
                </c:pt>
                <c:pt idx="892">
                  <c:v>2</c:v>
                </c:pt>
                <c:pt idx="893">
                  <c:v>2</c:v>
                </c:pt>
                <c:pt idx="894">
                  <c:v>2</c:v>
                </c:pt>
                <c:pt idx="895">
                  <c:v>1.5</c:v>
                </c:pt>
                <c:pt idx="896">
                  <c:v>1.5</c:v>
                </c:pt>
                <c:pt idx="897">
                  <c:v>1.5</c:v>
                </c:pt>
                <c:pt idx="898">
                  <c:v>1.5</c:v>
                </c:pt>
                <c:pt idx="899">
                  <c:v>1.5</c:v>
                </c:pt>
                <c:pt idx="900">
                  <c:v>1.5</c:v>
                </c:pt>
                <c:pt idx="901">
                  <c:v>1.5</c:v>
                </c:pt>
                <c:pt idx="902">
                  <c:v>1.5</c:v>
                </c:pt>
                <c:pt idx="903">
                  <c:v>1.5</c:v>
                </c:pt>
                <c:pt idx="904">
                  <c:v>1.5</c:v>
                </c:pt>
                <c:pt idx="905">
                  <c:v>1.5</c:v>
                </c:pt>
                <c:pt idx="906">
                  <c:v>1.5</c:v>
                </c:pt>
                <c:pt idx="907">
                  <c:v>1.5</c:v>
                </c:pt>
                <c:pt idx="908">
                  <c:v>1.5</c:v>
                </c:pt>
                <c:pt idx="909">
                  <c:v>1.5</c:v>
                </c:pt>
                <c:pt idx="910">
                  <c:v>1.5</c:v>
                </c:pt>
                <c:pt idx="911">
                  <c:v>1.5</c:v>
                </c:pt>
                <c:pt idx="912">
                  <c:v>1.5</c:v>
                </c:pt>
                <c:pt idx="913">
                  <c:v>1.5</c:v>
                </c:pt>
                <c:pt idx="914">
                  <c:v>2.5</c:v>
                </c:pt>
                <c:pt idx="915">
                  <c:v>2.5</c:v>
                </c:pt>
                <c:pt idx="916">
                  <c:v>2.5</c:v>
                </c:pt>
                <c:pt idx="917">
                  <c:v>2.5</c:v>
                </c:pt>
                <c:pt idx="918">
                  <c:v>2.5</c:v>
                </c:pt>
                <c:pt idx="919">
                  <c:v>2.5</c:v>
                </c:pt>
                <c:pt idx="920">
                  <c:v>2.5</c:v>
                </c:pt>
                <c:pt idx="921">
                  <c:v>2.5</c:v>
                </c:pt>
                <c:pt idx="922">
                  <c:v>2.5</c:v>
                </c:pt>
                <c:pt idx="923">
                  <c:v>2.5</c:v>
                </c:pt>
                <c:pt idx="924">
                  <c:v>2.5</c:v>
                </c:pt>
                <c:pt idx="925">
                  <c:v>3</c:v>
                </c:pt>
                <c:pt idx="926">
                  <c:v>3</c:v>
                </c:pt>
                <c:pt idx="927">
                  <c:v>2.5</c:v>
                </c:pt>
                <c:pt idx="928">
                  <c:v>2.5</c:v>
                </c:pt>
                <c:pt idx="929">
                  <c:v>2.5</c:v>
                </c:pt>
                <c:pt idx="930">
                  <c:v>2</c:v>
                </c:pt>
                <c:pt idx="931">
                  <c:v>2</c:v>
                </c:pt>
                <c:pt idx="932">
                  <c:v>2</c:v>
                </c:pt>
                <c:pt idx="933">
                  <c:v>2</c:v>
                </c:pt>
                <c:pt idx="934">
                  <c:v>2</c:v>
                </c:pt>
                <c:pt idx="935">
                  <c:v>2.5</c:v>
                </c:pt>
                <c:pt idx="936">
                  <c:v>2.5</c:v>
                </c:pt>
                <c:pt idx="937">
                  <c:v>2.5</c:v>
                </c:pt>
                <c:pt idx="938">
                  <c:v>2</c:v>
                </c:pt>
                <c:pt idx="939">
                  <c:v>1.5</c:v>
                </c:pt>
                <c:pt idx="940">
                  <c:v>1</c:v>
                </c:pt>
                <c:pt idx="941">
                  <c:v>1.5</c:v>
                </c:pt>
                <c:pt idx="942">
                  <c:v>1.5</c:v>
                </c:pt>
                <c:pt idx="943">
                  <c:v>2</c:v>
                </c:pt>
                <c:pt idx="944">
                  <c:v>2</c:v>
                </c:pt>
                <c:pt idx="945">
                  <c:v>2</c:v>
                </c:pt>
                <c:pt idx="946">
                  <c:v>2</c:v>
                </c:pt>
                <c:pt idx="947">
                  <c:v>2</c:v>
                </c:pt>
                <c:pt idx="948">
                  <c:v>2</c:v>
                </c:pt>
                <c:pt idx="949">
                  <c:v>2</c:v>
                </c:pt>
                <c:pt idx="950">
                  <c:v>2</c:v>
                </c:pt>
                <c:pt idx="951">
                  <c:v>2</c:v>
                </c:pt>
                <c:pt idx="952">
                  <c:v>2</c:v>
                </c:pt>
                <c:pt idx="953">
                  <c:v>2</c:v>
                </c:pt>
                <c:pt idx="954">
                  <c:v>2</c:v>
                </c:pt>
                <c:pt idx="955">
                  <c:v>1.5</c:v>
                </c:pt>
                <c:pt idx="956">
                  <c:v>2</c:v>
                </c:pt>
                <c:pt idx="957">
                  <c:v>2</c:v>
                </c:pt>
                <c:pt idx="958">
                  <c:v>1.5</c:v>
                </c:pt>
                <c:pt idx="959">
                  <c:v>1</c:v>
                </c:pt>
                <c:pt idx="960">
                  <c:v>1</c:v>
                </c:pt>
                <c:pt idx="961">
                  <c:v>1.5</c:v>
                </c:pt>
                <c:pt idx="962">
                  <c:v>1.5</c:v>
                </c:pt>
                <c:pt idx="963">
                  <c:v>1.5</c:v>
                </c:pt>
                <c:pt idx="964">
                  <c:v>1.5</c:v>
                </c:pt>
                <c:pt idx="965">
                  <c:v>1.5</c:v>
                </c:pt>
                <c:pt idx="966">
                  <c:v>1.5</c:v>
                </c:pt>
                <c:pt idx="967">
                  <c:v>1.5</c:v>
                </c:pt>
                <c:pt idx="968">
                  <c:v>1.5</c:v>
                </c:pt>
                <c:pt idx="969">
                  <c:v>1.5</c:v>
                </c:pt>
                <c:pt idx="970">
                  <c:v>1.5</c:v>
                </c:pt>
                <c:pt idx="971">
                  <c:v>1.5</c:v>
                </c:pt>
                <c:pt idx="972">
                  <c:v>1.5</c:v>
                </c:pt>
                <c:pt idx="973">
                  <c:v>1</c:v>
                </c:pt>
                <c:pt idx="974">
                  <c:v>1</c:v>
                </c:pt>
                <c:pt idx="975">
                  <c:v>1</c:v>
                </c:pt>
                <c:pt idx="976">
                  <c:v>0.5</c:v>
                </c:pt>
                <c:pt idx="977">
                  <c:v>0.5</c:v>
                </c:pt>
                <c:pt idx="978">
                  <c:v>0.5</c:v>
                </c:pt>
                <c:pt idx="979">
                  <c:v>0.5</c:v>
                </c:pt>
                <c:pt idx="980">
                  <c:v>0.5</c:v>
                </c:pt>
                <c:pt idx="981">
                  <c:v>0.5</c:v>
                </c:pt>
                <c:pt idx="982">
                  <c:v>1</c:v>
                </c:pt>
                <c:pt idx="983">
                  <c:v>0.5</c:v>
                </c:pt>
                <c:pt idx="984">
                  <c:v>1</c:v>
                </c:pt>
                <c:pt idx="985">
                  <c:v>1</c:v>
                </c:pt>
                <c:pt idx="986">
                  <c:v>1</c:v>
                </c:pt>
                <c:pt idx="987">
                  <c:v>1</c:v>
                </c:pt>
                <c:pt idx="988">
                  <c:v>1</c:v>
                </c:pt>
                <c:pt idx="989">
                  <c:v>1</c:v>
                </c:pt>
                <c:pt idx="990">
                  <c:v>1</c:v>
                </c:pt>
                <c:pt idx="991">
                  <c:v>1</c:v>
                </c:pt>
                <c:pt idx="992">
                  <c:v>1</c:v>
                </c:pt>
                <c:pt idx="993">
                  <c:v>1</c:v>
                </c:pt>
                <c:pt idx="994">
                  <c:v>1</c:v>
                </c:pt>
                <c:pt idx="995">
                  <c:v>1</c:v>
                </c:pt>
                <c:pt idx="996">
                  <c:v>1</c:v>
                </c:pt>
                <c:pt idx="997">
                  <c:v>1</c:v>
                </c:pt>
                <c:pt idx="998">
                  <c:v>0.5</c:v>
                </c:pt>
                <c:pt idx="999">
                  <c:v>0.5</c:v>
                </c:pt>
                <c:pt idx="1000">
                  <c:v>0.5</c:v>
                </c:pt>
                <c:pt idx="1001">
                  <c:v>0.5</c:v>
                </c:pt>
                <c:pt idx="1002">
                  <c:v>0.5</c:v>
                </c:pt>
                <c:pt idx="1003">
                  <c:v>0.5</c:v>
                </c:pt>
                <c:pt idx="1004">
                  <c:v>0.5</c:v>
                </c:pt>
                <c:pt idx="1005">
                  <c:v>0.5</c:v>
                </c:pt>
                <c:pt idx="1006">
                  <c:v>0.5</c:v>
                </c:pt>
                <c:pt idx="1007">
                  <c:v>1</c:v>
                </c:pt>
                <c:pt idx="1008">
                  <c:v>1</c:v>
                </c:pt>
                <c:pt idx="1009">
                  <c:v>1</c:v>
                </c:pt>
                <c:pt idx="1010">
                  <c:v>1</c:v>
                </c:pt>
                <c:pt idx="1011">
                  <c:v>1</c:v>
                </c:pt>
                <c:pt idx="1012">
                  <c:v>1</c:v>
                </c:pt>
                <c:pt idx="1013">
                  <c:v>1</c:v>
                </c:pt>
                <c:pt idx="1014">
                  <c:v>1</c:v>
                </c:pt>
                <c:pt idx="1015">
                  <c:v>1</c:v>
                </c:pt>
                <c:pt idx="1016">
                  <c:v>1</c:v>
                </c:pt>
                <c:pt idx="1017">
                  <c:v>1</c:v>
                </c:pt>
                <c:pt idx="1018">
                  <c:v>1</c:v>
                </c:pt>
                <c:pt idx="1019">
                  <c:v>1</c:v>
                </c:pt>
                <c:pt idx="1020">
                  <c:v>1</c:v>
                </c:pt>
                <c:pt idx="1021">
                  <c:v>1</c:v>
                </c:pt>
                <c:pt idx="1022">
                  <c:v>1</c:v>
                </c:pt>
                <c:pt idx="1023">
                  <c:v>1</c:v>
                </c:pt>
                <c:pt idx="1024">
                  <c:v>1</c:v>
                </c:pt>
                <c:pt idx="1025">
                  <c:v>1</c:v>
                </c:pt>
                <c:pt idx="1026">
                  <c:v>1</c:v>
                </c:pt>
                <c:pt idx="1027">
                  <c:v>1</c:v>
                </c:pt>
                <c:pt idx="1028">
                  <c:v>1</c:v>
                </c:pt>
                <c:pt idx="1029">
                  <c:v>1</c:v>
                </c:pt>
                <c:pt idx="1030">
                  <c:v>0.5</c:v>
                </c:pt>
                <c:pt idx="1031">
                  <c:v>0.5</c:v>
                </c:pt>
                <c:pt idx="1032">
                  <c:v>0.5</c:v>
                </c:pt>
                <c:pt idx="1033">
                  <c:v>0.5</c:v>
                </c:pt>
                <c:pt idx="1034">
                  <c:v>0.5</c:v>
                </c:pt>
                <c:pt idx="1035">
                  <c:v>0.5</c:v>
                </c:pt>
                <c:pt idx="1036">
                  <c:v>0.5</c:v>
                </c:pt>
                <c:pt idx="1037">
                  <c:v>0.5</c:v>
                </c:pt>
                <c:pt idx="1038">
                  <c:v>0.5</c:v>
                </c:pt>
                <c:pt idx="1039">
                  <c:v>0.5</c:v>
                </c:pt>
                <c:pt idx="1040">
                  <c:v>0.5</c:v>
                </c:pt>
                <c:pt idx="1041">
                  <c:v>0.5</c:v>
                </c:pt>
                <c:pt idx="1042">
                  <c:v>0.5</c:v>
                </c:pt>
                <c:pt idx="1043">
                  <c:v>0.5</c:v>
                </c:pt>
                <c:pt idx="1044">
                  <c:v>0.5</c:v>
                </c:pt>
                <c:pt idx="1045">
                  <c:v>0.5</c:v>
                </c:pt>
                <c:pt idx="1046">
                  <c:v>0.5</c:v>
                </c:pt>
                <c:pt idx="1047">
                  <c:v>0.5</c:v>
                </c:pt>
                <c:pt idx="1048">
                  <c:v>0.5</c:v>
                </c:pt>
                <c:pt idx="1049">
                  <c:v>0.5</c:v>
                </c:pt>
                <c:pt idx="1050">
                  <c:v>0.5</c:v>
                </c:pt>
                <c:pt idx="1051">
                  <c:v>0.5</c:v>
                </c:pt>
                <c:pt idx="1052">
                  <c:v>0.5</c:v>
                </c:pt>
                <c:pt idx="1053">
                  <c:v>0.5</c:v>
                </c:pt>
                <c:pt idx="1054">
                  <c:v>0.5</c:v>
                </c:pt>
                <c:pt idx="1055">
                  <c:v>1</c:v>
                </c:pt>
                <c:pt idx="1056">
                  <c:v>0.5</c:v>
                </c:pt>
                <c:pt idx="1057">
                  <c:v>0.5</c:v>
                </c:pt>
                <c:pt idx="1058">
                  <c:v>0.5</c:v>
                </c:pt>
                <c:pt idx="1059">
                  <c:v>0.5</c:v>
                </c:pt>
                <c:pt idx="1060">
                  <c:v>0.5</c:v>
                </c:pt>
                <c:pt idx="1061">
                  <c:v>0.5</c:v>
                </c:pt>
                <c:pt idx="1062">
                  <c:v>0.5</c:v>
                </c:pt>
                <c:pt idx="1063">
                  <c:v>0</c:v>
                </c:pt>
                <c:pt idx="1064">
                  <c:v>0</c:v>
                </c:pt>
                <c:pt idx="1065">
                  <c:v>0</c:v>
                </c:pt>
                <c:pt idx="1066">
                  <c:v>0</c:v>
                </c:pt>
                <c:pt idx="1067">
                  <c:v>0</c:v>
                </c:pt>
                <c:pt idx="1068">
                  <c:v>0.5</c:v>
                </c:pt>
                <c:pt idx="1069">
                  <c:v>0.5</c:v>
                </c:pt>
                <c:pt idx="1070">
                  <c:v>0.5</c:v>
                </c:pt>
                <c:pt idx="1071">
                  <c:v>0.5</c:v>
                </c:pt>
                <c:pt idx="1072">
                  <c:v>0.5</c:v>
                </c:pt>
                <c:pt idx="1073">
                  <c:v>0.5</c:v>
                </c:pt>
                <c:pt idx="1074">
                  <c:v>0.5</c:v>
                </c:pt>
                <c:pt idx="1075">
                  <c:v>0.5</c:v>
                </c:pt>
                <c:pt idx="1076">
                  <c:v>0.5</c:v>
                </c:pt>
                <c:pt idx="1077">
                  <c:v>0.5</c:v>
                </c:pt>
                <c:pt idx="1078">
                  <c:v>0.5</c:v>
                </c:pt>
                <c:pt idx="1079">
                  <c:v>0.5</c:v>
                </c:pt>
                <c:pt idx="1080">
                  <c:v>1</c:v>
                </c:pt>
                <c:pt idx="1081">
                  <c:v>1</c:v>
                </c:pt>
                <c:pt idx="1082">
                  <c:v>1</c:v>
                </c:pt>
                <c:pt idx="1083">
                  <c:v>1</c:v>
                </c:pt>
                <c:pt idx="1084">
                  <c:v>1</c:v>
                </c:pt>
                <c:pt idx="1085">
                  <c:v>1</c:v>
                </c:pt>
                <c:pt idx="1086">
                  <c:v>1</c:v>
                </c:pt>
                <c:pt idx="1087">
                  <c:v>0.5</c:v>
                </c:pt>
                <c:pt idx="1088">
                  <c:v>0.5</c:v>
                </c:pt>
                <c:pt idx="1089">
                  <c:v>0.5</c:v>
                </c:pt>
                <c:pt idx="1090">
                  <c:v>0.5</c:v>
                </c:pt>
                <c:pt idx="1091">
                  <c:v>0</c:v>
                </c:pt>
                <c:pt idx="1092">
                  <c:v>0</c:v>
                </c:pt>
                <c:pt idx="1093">
                  <c:v>0</c:v>
                </c:pt>
                <c:pt idx="1094">
                  <c:v>0</c:v>
                </c:pt>
                <c:pt idx="1095">
                  <c:v>0</c:v>
                </c:pt>
                <c:pt idx="1096">
                  <c:v>0</c:v>
                </c:pt>
                <c:pt idx="1097">
                  <c:v>0</c:v>
                </c:pt>
                <c:pt idx="1098">
                  <c:v>0</c:v>
                </c:pt>
                <c:pt idx="1099">
                  <c:v>0</c:v>
                </c:pt>
                <c:pt idx="1100">
                  <c:v>0</c:v>
                </c:pt>
                <c:pt idx="1101">
                  <c:v>0</c:v>
                </c:pt>
                <c:pt idx="1102">
                  <c:v>0</c:v>
                </c:pt>
                <c:pt idx="1103">
                  <c:v>0</c:v>
                </c:pt>
                <c:pt idx="1104">
                  <c:v>0</c:v>
                </c:pt>
                <c:pt idx="1105">
                  <c:v>0</c:v>
                </c:pt>
                <c:pt idx="1106">
                  <c:v>0</c:v>
                </c:pt>
                <c:pt idx="1107">
                  <c:v>0</c:v>
                </c:pt>
                <c:pt idx="1108">
                  <c:v>0</c:v>
                </c:pt>
                <c:pt idx="1109">
                  <c:v>0</c:v>
                </c:pt>
                <c:pt idx="1110">
                  <c:v>0</c:v>
                </c:pt>
                <c:pt idx="1111">
                  <c:v>0</c:v>
                </c:pt>
                <c:pt idx="1112">
                  <c:v>0</c:v>
                </c:pt>
                <c:pt idx="1113">
                  <c:v>0</c:v>
                </c:pt>
                <c:pt idx="1114">
                  <c:v>0</c:v>
                </c:pt>
                <c:pt idx="1115">
                  <c:v>0</c:v>
                </c:pt>
                <c:pt idx="1116">
                  <c:v>0</c:v>
                </c:pt>
                <c:pt idx="1117">
                  <c:v>0</c:v>
                </c:pt>
                <c:pt idx="1118">
                  <c:v>0</c:v>
                </c:pt>
                <c:pt idx="1119">
                  <c:v>0</c:v>
                </c:pt>
                <c:pt idx="1120">
                  <c:v>0</c:v>
                </c:pt>
                <c:pt idx="1121">
                  <c:v>0</c:v>
                </c:pt>
                <c:pt idx="1122">
                  <c:v>0</c:v>
                </c:pt>
                <c:pt idx="1123">
                  <c:v>0</c:v>
                </c:pt>
                <c:pt idx="1124">
                  <c:v>0</c:v>
                </c:pt>
                <c:pt idx="1125">
                  <c:v>0</c:v>
                </c:pt>
                <c:pt idx="1126">
                  <c:v>0</c:v>
                </c:pt>
                <c:pt idx="1127">
                  <c:v>0</c:v>
                </c:pt>
                <c:pt idx="1128">
                  <c:v>0</c:v>
                </c:pt>
                <c:pt idx="1129">
                  <c:v>0</c:v>
                </c:pt>
                <c:pt idx="1130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A97B-4A5D-A22D-F275A00FA2D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42701824"/>
        <c:axId val="242703360"/>
      </c:scatterChart>
      <c:valAx>
        <c:axId val="242701824"/>
        <c:scaling>
          <c:orientation val="minMax"/>
        </c:scaling>
        <c:delete val="0"/>
        <c:axPos val="b"/>
        <c:numFmt formatCode="m/d;@" sourceLinked="0"/>
        <c:majorTickMark val="out"/>
        <c:minorTickMark val="none"/>
        <c:tickLblPos val="nextTo"/>
        <c:txPr>
          <a:bodyPr/>
          <a:lstStyle/>
          <a:p>
            <a:pPr>
              <a:defRPr lang="ja-JP"/>
            </a:pPr>
            <a:endParaRPr lang="ja-JP"/>
          </a:p>
        </c:txPr>
        <c:crossAx val="242703360"/>
        <c:crosses val="autoZero"/>
        <c:crossBetween val="midCat"/>
      </c:valAx>
      <c:valAx>
        <c:axId val="242703360"/>
        <c:scaling>
          <c:orientation val="minMax"/>
          <c:min val="0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lang="ja-JP"/>
            </a:pPr>
            <a:endParaRPr lang="ja-JP"/>
          </a:p>
        </c:txPr>
        <c:crossAx val="242701824"/>
        <c:crosses val="autoZero"/>
        <c:crossBetween val="midCat"/>
      </c:valAx>
    </c:plotArea>
    <c:legend>
      <c:legendPos val="r"/>
      <c:overlay val="0"/>
      <c:txPr>
        <a:bodyPr/>
        <a:lstStyle/>
        <a:p>
          <a:pPr>
            <a:defRPr lang="ja-JP"/>
          </a:pPr>
          <a:endParaRPr lang="ja-JP"/>
        </a:p>
      </c:txPr>
    </c:legend>
    <c:plotVisOnly val="1"/>
    <c:dispBlanksAs val="gap"/>
    <c:showDLblsOverMax val="0"/>
  </c:chart>
  <c:externalData r:id="rId2">
    <c:autoUpdate val="0"/>
  </c:externalData>
  <c:userShapes r:id="rId3"/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5">
  <dgm:title val=""/>
  <dgm:desc val=""/>
  <dgm:catLst>
    <dgm:cat type="colorful" pri="10500"/>
  </dgm:catLst>
  <dgm:styleLbl name="node0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5"/>
      <a:schemeClr val="accent6"/>
    </dgm:fillClrLst>
    <dgm:linClrLst>
      <a:schemeClr val="accent5"/>
      <a:schemeClr val="accent6"/>
    </dgm:linClrLst>
    <dgm:effectClrLst/>
    <dgm:txLinClrLst/>
    <dgm:txFillClrLst/>
    <dgm:txEffectClrLst/>
  </dgm:styleLbl>
  <dgm:styleLbl name="ln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85A12477-E74E-4177-99B1-193B9A5E9EA8}" type="doc">
      <dgm:prSet loTypeId="urn:microsoft.com/office/officeart/2005/8/layout/radial6" loCatId="cycle" qsTypeId="urn:microsoft.com/office/officeart/2005/8/quickstyle/simple5" qsCatId="simple" csTypeId="urn:microsoft.com/office/officeart/2005/8/colors/colorful5" csCatId="colorful" phldr="1"/>
      <dgm:spPr/>
      <dgm:t>
        <a:bodyPr/>
        <a:lstStyle/>
        <a:p>
          <a:endParaRPr kumimoji="1" lang="ja-JP" altLang="en-US"/>
        </a:p>
      </dgm:t>
    </dgm:pt>
    <dgm:pt modelId="{978CDDEC-F7E4-4A20-9FCE-C43F41BC9A71}">
      <dgm:prSet phldrT="[テキスト]" custT="1"/>
      <dgm:spPr>
        <a:solidFill>
          <a:schemeClr val="accent2"/>
        </a:solidFill>
      </dgm:spPr>
      <dgm:t>
        <a:bodyPr/>
        <a:lstStyle/>
        <a:p>
          <a:r>
            <a:rPr kumimoji="1" lang="ja-JP" altLang="en-US" sz="3600" b="1">
              <a:solidFill>
                <a:schemeClr val="tx1"/>
              </a:solidFill>
            </a:rPr>
            <a:t>地方自治体</a:t>
          </a:r>
          <a:endParaRPr kumimoji="1" lang="ja-JP" altLang="en-US" sz="3600" b="1" dirty="0">
            <a:solidFill>
              <a:schemeClr val="tx1"/>
            </a:solidFill>
          </a:endParaRPr>
        </a:p>
      </dgm:t>
    </dgm:pt>
    <dgm:pt modelId="{73FEB90D-A555-48CF-9A59-E72AF61A8DFA}" type="parTrans" cxnId="{3AC85165-FD0A-449D-A851-D27665FAD628}">
      <dgm:prSet/>
      <dgm:spPr/>
      <dgm:t>
        <a:bodyPr/>
        <a:lstStyle/>
        <a:p>
          <a:endParaRPr kumimoji="1" lang="ja-JP" altLang="en-US"/>
        </a:p>
      </dgm:t>
    </dgm:pt>
    <dgm:pt modelId="{1B5DB2F9-E291-4708-90AF-4A8B0D0C05A9}" type="sibTrans" cxnId="{3AC85165-FD0A-449D-A851-D27665FAD628}">
      <dgm:prSet/>
      <dgm:spPr/>
      <dgm:t>
        <a:bodyPr/>
        <a:lstStyle/>
        <a:p>
          <a:endParaRPr kumimoji="1" lang="ja-JP" altLang="en-US"/>
        </a:p>
      </dgm:t>
    </dgm:pt>
    <dgm:pt modelId="{FDC13647-AF9F-4207-A25F-B9BE49D856EC}">
      <dgm:prSet phldrT="[テキスト]" custT="1"/>
      <dgm:spPr>
        <a:solidFill>
          <a:schemeClr val="accent4">
            <a:lumMod val="60000"/>
            <a:lumOff val="40000"/>
          </a:schemeClr>
        </a:solidFill>
      </dgm:spPr>
      <dgm:t>
        <a:bodyPr/>
        <a:lstStyle/>
        <a:p>
          <a:r>
            <a:rPr lang="ja-JP" altLang="en-US" sz="2000" b="1" dirty="0">
              <a:solidFill>
                <a:schemeClr val="tx1"/>
              </a:solidFill>
            </a:rPr>
            <a:t>技　術（道具）</a:t>
          </a:r>
          <a:endParaRPr lang="en-US" altLang="ja-JP" sz="2000" b="1" dirty="0">
            <a:solidFill>
              <a:schemeClr val="tx1"/>
            </a:solidFill>
          </a:endParaRPr>
        </a:p>
        <a:p>
          <a:r>
            <a:rPr lang="ja-JP" altLang="en-US" sz="1600" b="1" dirty="0">
              <a:solidFill>
                <a:schemeClr val="tx1"/>
              </a:solidFill>
            </a:rPr>
            <a:t>点検技術、ドローン、ロボット、</a:t>
          </a:r>
          <a:endParaRPr lang="en-US" altLang="ja-JP" sz="1600" b="1" dirty="0">
            <a:solidFill>
              <a:schemeClr val="tx1"/>
            </a:solidFill>
          </a:endParaRPr>
        </a:p>
        <a:p>
          <a:r>
            <a:rPr lang="ja-JP" altLang="en-US" sz="1600" b="1" dirty="0">
              <a:solidFill>
                <a:schemeClr val="tx1"/>
              </a:solidFill>
            </a:rPr>
            <a:t>モニンタリングシステム、</a:t>
          </a:r>
          <a:r>
            <a:rPr lang="en-US" altLang="ja-JP" sz="1600" b="1" dirty="0">
              <a:solidFill>
                <a:schemeClr val="tx1"/>
              </a:solidFill>
            </a:rPr>
            <a:t>DB</a:t>
          </a:r>
          <a:r>
            <a:rPr lang="ja-JP" altLang="en-US" sz="1600" b="1" dirty="0">
              <a:solidFill>
                <a:schemeClr val="tx1"/>
              </a:solidFill>
            </a:rPr>
            <a:t>、</a:t>
          </a:r>
          <a:r>
            <a:rPr lang="en-US" altLang="ja-JP" sz="1600" b="1" dirty="0">
              <a:solidFill>
                <a:schemeClr val="tx1"/>
              </a:solidFill>
            </a:rPr>
            <a:t>BIM/CIM</a:t>
          </a:r>
          <a:r>
            <a:rPr lang="ja-JP" altLang="en-US" sz="1600" b="1" dirty="0">
              <a:solidFill>
                <a:schemeClr val="tx1"/>
              </a:solidFill>
            </a:rPr>
            <a:t>、</a:t>
          </a:r>
          <a:r>
            <a:rPr lang="en-US" altLang="ja-JP" sz="1600" b="1" dirty="0">
              <a:solidFill>
                <a:schemeClr val="tx1"/>
              </a:solidFill>
            </a:rPr>
            <a:t>AI</a:t>
          </a:r>
        </a:p>
        <a:p>
          <a:r>
            <a:rPr kumimoji="1" lang="ja-JP" altLang="en-US" sz="1600" b="1" dirty="0">
              <a:solidFill>
                <a:schemeClr val="tx1"/>
              </a:solidFill>
            </a:rPr>
            <a:t>非破壊検査技術</a:t>
          </a:r>
          <a:endParaRPr kumimoji="1" lang="ja-JP" altLang="en-US" sz="1600" dirty="0">
            <a:solidFill>
              <a:schemeClr val="tx1"/>
            </a:solidFill>
          </a:endParaRPr>
        </a:p>
      </dgm:t>
    </dgm:pt>
    <dgm:pt modelId="{E05501DE-2BBE-42D3-8935-34482AFB6A9E}" type="parTrans" cxnId="{BF530F94-6832-4BB2-9C7B-1810F5A3CC8D}">
      <dgm:prSet/>
      <dgm:spPr/>
      <dgm:t>
        <a:bodyPr/>
        <a:lstStyle/>
        <a:p>
          <a:endParaRPr kumimoji="1" lang="ja-JP" altLang="en-US"/>
        </a:p>
      </dgm:t>
    </dgm:pt>
    <dgm:pt modelId="{C44FD136-3056-452C-B500-88B80E117EF8}" type="sibTrans" cxnId="{BF530F94-6832-4BB2-9C7B-1810F5A3CC8D}">
      <dgm:prSet/>
      <dgm:spPr/>
      <dgm:t>
        <a:bodyPr/>
        <a:lstStyle/>
        <a:p>
          <a:endParaRPr kumimoji="1" lang="ja-JP" altLang="en-US"/>
        </a:p>
      </dgm:t>
    </dgm:pt>
    <dgm:pt modelId="{EE140E18-4D0E-47D3-9496-3DA39C9424BB}">
      <dgm:prSet phldrT="[テキスト]" custT="1"/>
      <dgm:spPr/>
      <dgm:t>
        <a:bodyPr/>
        <a:lstStyle/>
        <a:p>
          <a:r>
            <a:rPr kumimoji="1" lang="ja-JP" altLang="en-US" sz="2000" b="1" dirty="0">
              <a:solidFill>
                <a:schemeClr val="tx1"/>
              </a:solidFill>
              <a:latin typeface="HGPｺﾞｼｯｸM" panose="020B0600000000000000" pitchFamily="50" charset="-128"/>
              <a:ea typeface="HGPｺﾞｼｯｸM" panose="020B0600000000000000" pitchFamily="50" charset="-128"/>
            </a:rPr>
            <a:t>お金</a:t>
          </a:r>
          <a:endParaRPr kumimoji="1" lang="en-US" altLang="ja-JP" sz="2000" b="1" dirty="0">
            <a:solidFill>
              <a:schemeClr val="tx1"/>
            </a:solidFill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r>
            <a:rPr kumimoji="1" lang="ja-JP" altLang="en-US" sz="2000" b="1" dirty="0">
              <a:solidFill>
                <a:schemeClr val="tx1"/>
              </a:solidFill>
              <a:latin typeface="HGPｺﾞｼｯｸM" panose="020B0600000000000000" pitchFamily="50" charset="-128"/>
              <a:ea typeface="HGPｺﾞｼｯｸM" panose="020B0600000000000000" pitchFamily="50" charset="-128"/>
            </a:rPr>
            <a:t>（財政）</a:t>
          </a:r>
        </a:p>
      </dgm:t>
    </dgm:pt>
    <dgm:pt modelId="{631AB451-44F6-4716-ABFE-D531A5FCB3AB}" type="parTrans" cxnId="{02D27730-1F66-4CCD-823F-630899B0F338}">
      <dgm:prSet/>
      <dgm:spPr/>
      <dgm:t>
        <a:bodyPr/>
        <a:lstStyle/>
        <a:p>
          <a:endParaRPr kumimoji="1" lang="ja-JP" altLang="en-US"/>
        </a:p>
      </dgm:t>
    </dgm:pt>
    <dgm:pt modelId="{80EA69D0-4862-4F42-B8EA-0DC4F5209E72}" type="sibTrans" cxnId="{02D27730-1F66-4CCD-823F-630899B0F338}">
      <dgm:prSet/>
      <dgm:spPr/>
      <dgm:t>
        <a:bodyPr/>
        <a:lstStyle/>
        <a:p>
          <a:endParaRPr kumimoji="1" lang="ja-JP" altLang="en-US"/>
        </a:p>
      </dgm:t>
    </dgm:pt>
    <dgm:pt modelId="{EAF21CF3-46B9-4D3C-8911-D8B02E6AB462}">
      <dgm:prSet phldrT="[テキスト]" custT="1"/>
      <dgm:spPr/>
      <dgm:t>
        <a:bodyPr/>
        <a:lstStyle/>
        <a:p>
          <a:r>
            <a:rPr kumimoji="1" lang="ja-JP" altLang="en-US" sz="2400" b="1" dirty="0">
              <a:solidFill>
                <a:schemeClr val="tx1"/>
              </a:solidFill>
            </a:rPr>
            <a:t>情報</a:t>
          </a:r>
          <a:endParaRPr kumimoji="1" lang="en-US" altLang="ja-JP" sz="2400" b="1" dirty="0">
            <a:solidFill>
              <a:schemeClr val="tx1"/>
            </a:solidFill>
          </a:endParaRPr>
        </a:p>
        <a:p>
          <a:r>
            <a:rPr kumimoji="1" lang="ja-JP" altLang="en-US" sz="2400" b="1" dirty="0">
              <a:solidFill>
                <a:schemeClr val="tx1"/>
              </a:solidFill>
            </a:rPr>
            <a:t>収集と発信</a:t>
          </a:r>
        </a:p>
      </dgm:t>
    </dgm:pt>
    <dgm:pt modelId="{26B34A31-964D-4B2F-B738-0BB51C345A8D}" type="parTrans" cxnId="{B2B125FD-3DF5-49B6-9FF4-9566295A666D}">
      <dgm:prSet/>
      <dgm:spPr/>
      <dgm:t>
        <a:bodyPr/>
        <a:lstStyle/>
        <a:p>
          <a:endParaRPr kumimoji="1" lang="ja-JP" altLang="en-US"/>
        </a:p>
      </dgm:t>
    </dgm:pt>
    <dgm:pt modelId="{C9E2B2F2-AA07-42F7-8073-6F65174FEB46}" type="sibTrans" cxnId="{B2B125FD-3DF5-49B6-9FF4-9566295A666D}">
      <dgm:prSet/>
      <dgm:spPr/>
      <dgm:t>
        <a:bodyPr/>
        <a:lstStyle/>
        <a:p>
          <a:endParaRPr kumimoji="1" lang="ja-JP" altLang="en-US"/>
        </a:p>
      </dgm:t>
    </dgm:pt>
    <dgm:pt modelId="{6969D1B7-1C5D-48F2-9D03-48FA1787CC16}">
      <dgm:prSet phldrT="[テキスト]" custT="1"/>
      <dgm:spPr>
        <a:solidFill>
          <a:schemeClr val="accent4">
            <a:lumMod val="20000"/>
            <a:lumOff val="80000"/>
          </a:schemeClr>
        </a:solidFill>
      </dgm:spPr>
      <dgm:t>
        <a:bodyPr/>
        <a:lstStyle/>
        <a:p>
          <a:r>
            <a:rPr lang="ja-JP" altLang="en-US" sz="2000" b="1" dirty="0">
              <a:solidFill>
                <a:schemeClr val="tx1"/>
              </a:solidFill>
            </a:rPr>
            <a:t>マネジメント</a:t>
          </a:r>
          <a:endParaRPr lang="en-US" altLang="ja-JP" sz="2000" b="1" dirty="0">
            <a:solidFill>
              <a:schemeClr val="tx1"/>
            </a:solidFill>
          </a:endParaRPr>
        </a:p>
        <a:p>
          <a:r>
            <a:rPr lang="ja-JP" altLang="en-US" sz="2000" b="1" dirty="0">
              <a:solidFill>
                <a:schemeClr val="tx1"/>
              </a:solidFill>
            </a:rPr>
            <a:t>（しくみ）</a:t>
          </a:r>
          <a:endParaRPr lang="en-US" altLang="ja-JP" sz="2000" b="1" dirty="0">
            <a:solidFill>
              <a:schemeClr val="tx1"/>
            </a:solidFill>
          </a:endParaRPr>
        </a:p>
        <a:p>
          <a:r>
            <a:rPr kumimoji="1" lang="ja-JP" altLang="en-US" sz="2000" b="1" dirty="0">
              <a:solidFill>
                <a:schemeClr val="tx1"/>
              </a:solidFill>
            </a:rPr>
            <a:t>ｱｾｯﾄﾏﾈｼﾞﾒﾝﾄ、</a:t>
          </a:r>
          <a:r>
            <a:rPr kumimoji="1" lang="en-US" altLang="ja-JP" sz="2000" b="1" dirty="0">
              <a:solidFill>
                <a:schemeClr val="tx1"/>
              </a:solidFill>
            </a:rPr>
            <a:t>PPP/PFI</a:t>
          </a:r>
          <a:r>
            <a:rPr kumimoji="1" lang="ja-JP" altLang="en-US" sz="2000" b="1" dirty="0">
              <a:solidFill>
                <a:schemeClr val="tx1"/>
              </a:solidFill>
            </a:rPr>
            <a:t>、</a:t>
          </a:r>
          <a:endParaRPr kumimoji="1" lang="en-US" altLang="ja-JP" sz="2000" b="1" dirty="0">
            <a:solidFill>
              <a:schemeClr val="tx1"/>
            </a:solidFill>
          </a:endParaRPr>
        </a:p>
        <a:p>
          <a:r>
            <a:rPr kumimoji="1" lang="ja-JP" altLang="en-US" sz="2000" b="1" dirty="0">
              <a:solidFill>
                <a:schemeClr val="tx1"/>
              </a:solidFill>
            </a:rPr>
            <a:t>包括管理</a:t>
          </a:r>
        </a:p>
      </dgm:t>
    </dgm:pt>
    <dgm:pt modelId="{0F8E3406-826F-47A7-A87F-783BF5E4622B}" type="parTrans" cxnId="{4C4A24A4-4FDF-41D0-B675-D03DD7FB2412}">
      <dgm:prSet/>
      <dgm:spPr/>
      <dgm:t>
        <a:bodyPr/>
        <a:lstStyle/>
        <a:p>
          <a:endParaRPr kumimoji="1" lang="ja-JP" altLang="en-US"/>
        </a:p>
      </dgm:t>
    </dgm:pt>
    <dgm:pt modelId="{4AB754FB-E9C3-4514-A185-165E331D19A8}" type="sibTrans" cxnId="{4C4A24A4-4FDF-41D0-B675-D03DD7FB2412}">
      <dgm:prSet/>
      <dgm:spPr/>
      <dgm:t>
        <a:bodyPr/>
        <a:lstStyle/>
        <a:p>
          <a:endParaRPr kumimoji="1" lang="ja-JP" altLang="en-US"/>
        </a:p>
      </dgm:t>
    </dgm:pt>
    <dgm:pt modelId="{2FFA91E4-9746-4CD3-B82F-4A6AF78016F9}">
      <dgm:prSet phldrT="[テキスト]" custRadScaleRad="110141" custRadScaleInc="124774"/>
      <dgm:spPr/>
      <dgm:t>
        <a:bodyPr/>
        <a:lstStyle/>
        <a:p>
          <a:endParaRPr kumimoji="1" lang="ja-JP" altLang="en-US"/>
        </a:p>
      </dgm:t>
    </dgm:pt>
    <dgm:pt modelId="{B153A8AB-698E-4CD2-9845-3FFAB0D775B7}" type="parTrans" cxnId="{21BA1A8D-38D5-4E2B-BFC1-0E67B6EFFC8D}">
      <dgm:prSet/>
      <dgm:spPr/>
      <dgm:t>
        <a:bodyPr/>
        <a:lstStyle/>
        <a:p>
          <a:endParaRPr kumimoji="1" lang="ja-JP" altLang="en-US"/>
        </a:p>
      </dgm:t>
    </dgm:pt>
    <dgm:pt modelId="{ED55C40B-2F62-4EA3-A8B3-D973FDEC053D}" type="sibTrans" cxnId="{21BA1A8D-38D5-4E2B-BFC1-0E67B6EFFC8D}">
      <dgm:prSet/>
      <dgm:spPr/>
      <dgm:t>
        <a:bodyPr/>
        <a:lstStyle/>
        <a:p>
          <a:endParaRPr kumimoji="1" lang="ja-JP" altLang="en-US"/>
        </a:p>
      </dgm:t>
    </dgm:pt>
    <dgm:pt modelId="{945C73FA-BD78-491F-B6D0-75F333DEEE58}" type="pres">
      <dgm:prSet presAssocID="{85A12477-E74E-4177-99B1-193B9A5E9EA8}" presName="Name0" presStyleCnt="0">
        <dgm:presLayoutVars>
          <dgm:chMax val="1"/>
          <dgm:dir/>
          <dgm:animLvl val="ctr"/>
          <dgm:resizeHandles val="exact"/>
        </dgm:presLayoutVars>
      </dgm:prSet>
      <dgm:spPr/>
    </dgm:pt>
    <dgm:pt modelId="{1B7A546F-C023-41B4-9939-62CD431142CB}" type="pres">
      <dgm:prSet presAssocID="{978CDDEC-F7E4-4A20-9FCE-C43F41BC9A71}" presName="centerShape" presStyleLbl="node0" presStyleIdx="0" presStyleCnt="1" custScaleX="253460" custScaleY="92521" custLinFactNeighborX="3654" custLinFactNeighborY="10195"/>
      <dgm:spPr/>
    </dgm:pt>
    <dgm:pt modelId="{37EFDD54-4FF3-42BA-8F3A-87DA326712CB}" type="pres">
      <dgm:prSet presAssocID="{FDC13647-AF9F-4207-A25F-B9BE49D856EC}" presName="node" presStyleLbl="node1" presStyleIdx="0" presStyleCnt="4" custScaleX="332248" custScaleY="221767" custRadScaleRad="106558" custRadScaleInc="66229">
        <dgm:presLayoutVars>
          <dgm:bulletEnabled val="1"/>
        </dgm:presLayoutVars>
      </dgm:prSet>
      <dgm:spPr/>
    </dgm:pt>
    <dgm:pt modelId="{488397DA-A7D8-49CD-B667-47DBC3249386}" type="pres">
      <dgm:prSet presAssocID="{FDC13647-AF9F-4207-A25F-B9BE49D856EC}" presName="dummy" presStyleCnt="0"/>
      <dgm:spPr/>
    </dgm:pt>
    <dgm:pt modelId="{ADF2A745-B2E1-48C3-8C93-F10BFE9DAA16}" type="pres">
      <dgm:prSet presAssocID="{C44FD136-3056-452C-B500-88B80E117EF8}" presName="sibTrans" presStyleLbl="sibTrans2D1" presStyleIdx="0" presStyleCnt="4"/>
      <dgm:spPr/>
    </dgm:pt>
    <dgm:pt modelId="{CCD30419-E0E6-488C-8C55-D4019C43650C}" type="pres">
      <dgm:prSet presAssocID="{EE140E18-4D0E-47D3-9496-3DA39C9424BB}" presName="node" presStyleLbl="node1" presStyleIdx="1" presStyleCnt="4" custScaleX="167340" custRadScaleRad="180844" custRadScaleInc="-33573">
        <dgm:presLayoutVars>
          <dgm:bulletEnabled val="1"/>
        </dgm:presLayoutVars>
      </dgm:prSet>
      <dgm:spPr/>
    </dgm:pt>
    <dgm:pt modelId="{4DD0DAF2-4913-48FD-BAD3-5BB476187009}" type="pres">
      <dgm:prSet presAssocID="{EE140E18-4D0E-47D3-9496-3DA39C9424BB}" presName="dummy" presStyleCnt="0"/>
      <dgm:spPr/>
    </dgm:pt>
    <dgm:pt modelId="{54093126-9497-47A0-A3BA-08628295DDE3}" type="pres">
      <dgm:prSet presAssocID="{80EA69D0-4862-4F42-B8EA-0DC4F5209E72}" presName="sibTrans" presStyleLbl="sibTrans2D1" presStyleIdx="1" presStyleCnt="4"/>
      <dgm:spPr/>
    </dgm:pt>
    <dgm:pt modelId="{1E49F528-80FD-4845-8E12-95E8BED28EB3}" type="pres">
      <dgm:prSet presAssocID="{EAF21CF3-46B9-4D3C-8911-D8B02E6AB462}" presName="node" presStyleLbl="node1" presStyleIdx="2" presStyleCnt="4" custScaleX="263535" custScaleY="138610" custRadScaleRad="117853" custRadScaleInc="-58972">
        <dgm:presLayoutVars>
          <dgm:bulletEnabled val="1"/>
        </dgm:presLayoutVars>
      </dgm:prSet>
      <dgm:spPr/>
    </dgm:pt>
    <dgm:pt modelId="{1A6685D1-977E-4489-9874-6C9A9A7A48AD}" type="pres">
      <dgm:prSet presAssocID="{EAF21CF3-46B9-4D3C-8911-D8B02E6AB462}" presName="dummy" presStyleCnt="0"/>
      <dgm:spPr/>
    </dgm:pt>
    <dgm:pt modelId="{B26C8BDD-608C-49F9-9CE6-C0CA4A4F566B}" type="pres">
      <dgm:prSet presAssocID="{C9E2B2F2-AA07-42F7-8073-6F65174FEB46}" presName="sibTrans" presStyleLbl="sibTrans2D1" presStyleIdx="2" presStyleCnt="4" custLinFactNeighborX="10941" custLinFactNeighborY="-9349"/>
      <dgm:spPr/>
    </dgm:pt>
    <dgm:pt modelId="{D655E89F-78F0-4262-AA9A-B4E8C71D0F76}" type="pres">
      <dgm:prSet presAssocID="{6969D1B7-1C5D-48F2-9D03-48FA1787CC16}" presName="node" presStyleLbl="node1" presStyleIdx="3" presStyleCnt="4" custScaleX="217307" custScaleY="241883" custRadScaleRad="185700" custRadScaleInc="-34325">
        <dgm:presLayoutVars>
          <dgm:bulletEnabled val="1"/>
        </dgm:presLayoutVars>
      </dgm:prSet>
      <dgm:spPr/>
    </dgm:pt>
    <dgm:pt modelId="{94E342C1-8453-4B1B-A131-C49745D2E7F6}" type="pres">
      <dgm:prSet presAssocID="{6969D1B7-1C5D-48F2-9D03-48FA1787CC16}" presName="dummy" presStyleCnt="0"/>
      <dgm:spPr/>
    </dgm:pt>
    <dgm:pt modelId="{D89DFCA0-D398-4F2B-9C85-1C8E5156676F}" type="pres">
      <dgm:prSet presAssocID="{4AB754FB-E9C3-4514-A185-165E331D19A8}" presName="sibTrans" presStyleLbl="sibTrans2D1" presStyleIdx="3" presStyleCnt="4" custScaleX="120125" custScaleY="121398" custLinFactNeighborX="21358" custLinFactNeighborY="13980"/>
      <dgm:spPr/>
    </dgm:pt>
  </dgm:ptLst>
  <dgm:cxnLst>
    <dgm:cxn modelId="{10992C08-3D06-47D4-9FBC-0072E5CF8925}" type="presOf" srcId="{80EA69D0-4862-4F42-B8EA-0DC4F5209E72}" destId="{54093126-9497-47A0-A3BA-08628295DDE3}" srcOrd="0" destOrd="0" presId="urn:microsoft.com/office/officeart/2005/8/layout/radial6"/>
    <dgm:cxn modelId="{2C9ADE27-209F-43E3-AF09-8AC47F76CE25}" type="presOf" srcId="{85A12477-E74E-4177-99B1-193B9A5E9EA8}" destId="{945C73FA-BD78-491F-B6D0-75F333DEEE58}" srcOrd="0" destOrd="0" presId="urn:microsoft.com/office/officeart/2005/8/layout/radial6"/>
    <dgm:cxn modelId="{02D27730-1F66-4CCD-823F-630899B0F338}" srcId="{978CDDEC-F7E4-4A20-9FCE-C43F41BC9A71}" destId="{EE140E18-4D0E-47D3-9496-3DA39C9424BB}" srcOrd="1" destOrd="0" parTransId="{631AB451-44F6-4716-ABFE-D531A5FCB3AB}" sibTransId="{80EA69D0-4862-4F42-B8EA-0DC4F5209E72}"/>
    <dgm:cxn modelId="{3AC85165-FD0A-449D-A851-D27665FAD628}" srcId="{85A12477-E74E-4177-99B1-193B9A5E9EA8}" destId="{978CDDEC-F7E4-4A20-9FCE-C43F41BC9A71}" srcOrd="0" destOrd="0" parTransId="{73FEB90D-A555-48CF-9A59-E72AF61A8DFA}" sibTransId="{1B5DB2F9-E291-4708-90AF-4A8B0D0C05A9}"/>
    <dgm:cxn modelId="{CB0FC14E-08DD-455F-9987-0D5FB667EACE}" type="presOf" srcId="{C9E2B2F2-AA07-42F7-8073-6F65174FEB46}" destId="{B26C8BDD-608C-49F9-9CE6-C0CA4A4F566B}" srcOrd="0" destOrd="0" presId="urn:microsoft.com/office/officeart/2005/8/layout/radial6"/>
    <dgm:cxn modelId="{C9924353-703D-4981-BC44-722892A9A7D1}" type="presOf" srcId="{FDC13647-AF9F-4207-A25F-B9BE49D856EC}" destId="{37EFDD54-4FF3-42BA-8F3A-87DA326712CB}" srcOrd="0" destOrd="0" presId="urn:microsoft.com/office/officeart/2005/8/layout/radial6"/>
    <dgm:cxn modelId="{2BDAE276-30A4-475C-8417-BD43AF5CFA63}" type="presOf" srcId="{EAF21CF3-46B9-4D3C-8911-D8B02E6AB462}" destId="{1E49F528-80FD-4845-8E12-95E8BED28EB3}" srcOrd="0" destOrd="0" presId="urn:microsoft.com/office/officeart/2005/8/layout/radial6"/>
    <dgm:cxn modelId="{2142E884-8E6C-4AC0-AA19-87A352DB209C}" type="presOf" srcId="{C44FD136-3056-452C-B500-88B80E117EF8}" destId="{ADF2A745-B2E1-48C3-8C93-F10BFE9DAA16}" srcOrd="0" destOrd="0" presId="urn:microsoft.com/office/officeart/2005/8/layout/radial6"/>
    <dgm:cxn modelId="{21BA1A8D-38D5-4E2B-BFC1-0E67B6EFFC8D}" srcId="{85A12477-E74E-4177-99B1-193B9A5E9EA8}" destId="{2FFA91E4-9746-4CD3-B82F-4A6AF78016F9}" srcOrd="1" destOrd="0" parTransId="{B153A8AB-698E-4CD2-9845-3FFAB0D775B7}" sibTransId="{ED55C40B-2F62-4EA3-A8B3-D973FDEC053D}"/>
    <dgm:cxn modelId="{BF530F94-6832-4BB2-9C7B-1810F5A3CC8D}" srcId="{978CDDEC-F7E4-4A20-9FCE-C43F41BC9A71}" destId="{FDC13647-AF9F-4207-A25F-B9BE49D856EC}" srcOrd="0" destOrd="0" parTransId="{E05501DE-2BBE-42D3-8935-34482AFB6A9E}" sibTransId="{C44FD136-3056-452C-B500-88B80E117EF8}"/>
    <dgm:cxn modelId="{0D53E895-16D9-4261-9535-C40F446D5689}" type="presOf" srcId="{6969D1B7-1C5D-48F2-9D03-48FA1787CC16}" destId="{D655E89F-78F0-4262-AA9A-B4E8C71D0F76}" srcOrd="0" destOrd="0" presId="urn:microsoft.com/office/officeart/2005/8/layout/radial6"/>
    <dgm:cxn modelId="{4C4A24A4-4FDF-41D0-B675-D03DD7FB2412}" srcId="{978CDDEC-F7E4-4A20-9FCE-C43F41BC9A71}" destId="{6969D1B7-1C5D-48F2-9D03-48FA1787CC16}" srcOrd="3" destOrd="0" parTransId="{0F8E3406-826F-47A7-A87F-783BF5E4622B}" sibTransId="{4AB754FB-E9C3-4514-A185-165E331D19A8}"/>
    <dgm:cxn modelId="{5B3512A5-69CA-4A1D-AFF8-23D672B608C8}" type="presOf" srcId="{978CDDEC-F7E4-4A20-9FCE-C43F41BC9A71}" destId="{1B7A546F-C023-41B4-9939-62CD431142CB}" srcOrd="0" destOrd="0" presId="urn:microsoft.com/office/officeart/2005/8/layout/radial6"/>
    <dgm:cxn modelId="{41F56EAE-70D9-43C6-AC63-058A323A7C9D}" type="presOf" srcId="{4AB754FB-E9C3-4514-A185-165E331D19A8}" destId="{D89DFCA0-D398-4F2B-9C85-1C8E5156676F}" srcOrd="0" destOrd="0" presId="urn:microsoft.com/office/officeart/2005/8/layout/radial6"/>
    <dgm:cxn modelId="{1901FAB6-0011-402C-9577-E3A44050B94B}" type="presOf" srcId="{EE140E18-4D0E-47D3-9496-3DA39C9424BB}" destId="{CCD30419-E0E6-488C-8C55-D4019C43650C}" srcOrd="0" destOrd="0" presId="urn:microsoft.com/office/officeart/2005/8/layout/radial6"/>
    <dgm:cxn modelId="{B2B125FD-3DF5-49B6-9FF4-9566295A666D}" srcId="{978CDDEC-F7E4-4A20-9FCE-C43F41BC9A71}" destId="{EAF21CF3-46B9-4D3C-8911-D8B02E6AB462}" srcOrd="2" destOrd="0" parTransId="{26B34A31-964D-4B2F-B738-0BB51C345A8D}" sibTransId="{C9E2B2F2-AA07-42F7-8073-6F65174FEB46}"/>
    <dgm:cxn modelId="{B282A164-B58B-4D69-BE42-743FBC008212}" type="presParOf" srcId="{945C73FA-BD78-491F-B6D0-75F333DEEE58}" destId="{1B7A546F-C023-41B4-9939-62CD431142CB}" srcOrd="0" destOrd="0" presId="urn:microsoft.com/office/officeart/2005/8/layout/radial6"/>
    <dgm:cxn modelId="{47D86F54-281C-4F40-A683-D859E333AC66}" type="presParOf" srcId="{945C73FA-BD78-491F-B6D0-75F333DEEE58}" destId="{37EFDD54-4FF3-42BA-8F3A-87DA326712CB}" srcOrd="1" destOrd="0" presId="urn:microsoft.com/office/officeart/2005/8/layout/radial6"/>
    <dgm:cxn modelId="{7D33A113-4468-44B3-991F-CA78C2A44AB9}" type="presParOf" srcId="{945C73FA-BD78-491F-B6D0-75F333DEEE58}" destId="{488397DA-A7D8-49CD-B667-47DBC3249386}" srcOrd="2" destOrd="0" presId="urn:microsoft.com/office/officeart/2005/8/layout/radial6"/>
    <dgm:cxn modelId="{78DB7EFB-1AF9-45E0-B754-D00A791677A1}" type="presParOf" srcId="{945C73FA-BD78-491F-B6D0-75F333DEEE58}" destId="{ADF2A745-B2E1-48C3-8C93-F10BFE9DAA16}" srcOrd="3" destOrd="0" presId="urn:microsoft.com/office/officeart/2005/8/layout/radial6"/>
    <dgm:cxn modelId="{A5C9A8E6-6219-4064-A61C-5E15FCDEBDBC}" type="presParOf" srcId="{945C73FA-BD78-491F-B6D0-75F333DEEE58}" destId="{CCD30419-E0E6-488C-8C55-D4019C43650C}" srcOrd="4" destOrd="0" presId="urn:microsoft.com/office/officeart/2005/8/layout/radial6"/>
    <dgm:cxn modelId="{9D4C18F5-CD8F-429D-B914-26A1E263EE87}" type="presParOf" srcId="{945C73FA-BD78-491F-B6D0-75F333DEEE58}" destId="{4DD0DAF2-4913-48FD-BAD3-5BB476187009}" srcOrd="5" destOrd="0" presId="urn:microsoft.com/office/officeart/2005/8/layout/radial6"/>
    <dgm:cxn modelId="{CEFC4059-4683-4795-AA50-0047186A3C6A}" type="presParOf" srcId="{945C73FA-BD78-491F-B6D0-75F333DEEE58}" destId="{54093126-9497-47A0-A3BA-08628295DDE3}" srcOrd="6" destOrd="0" presId="urn:microsoft.com/office/officeart/2005/8/layout/radial6"/>
    <dgm:cxn modelId="{9123038C-613F-4F17-88B6-7EBE2B5EFE82}" type="presParOf" srcId="{945C73FA-BD78-491F-B6D0-75F333DEEE58}" destId="{1E49F528-80FD-4845-8E12-95E8BED28EB3}" srcOrd="7" destOrd="0" presId="urn:microsoft.com/office/officeart/2005/8/layout/radial6"/>
    <dgm:cxn modelId="{536D576A-9A6C-48BF-9D68-B5E70DE79BBE}" type="presParOf" srcId="{945C73FA-BD78-491F-B6D0-75F333DEEE58}" destId="{1A6685D1-977E-4489-9874-6C9A9A7A48AD}" srcOrd="8" destOrd="0" presId="urn:microsoft.com/office/officeart/2005/8/layout/radial6"/>
    <dgm:cxn modelId="{3320A52A-7F08-43FF-9E1D-D83F4558A438}" type="presParOf" srcId="{945C73FA-BD78-491F-B6D0-75F333DEEE58}" destId="{B26C8BDD-608C-49F9-9CE6-C0CA4A4F566B}" srcOrd="9" destOrd="0" presId="urn:microsoft.com/office/officeart/2005/8/layout/radial6"/>
    <dgm:cxn modelId="{54C999CB-0044-4439-9507-4F4E7FBE3014}" type="presParOf" srcId="{945C73FA-BD78-491F-B6D0-75F333DEEE58}" destId="{D655E89F-78F0-4262-AA9A-B4E8C71D0F76}" srcOrd="10" destOrd="0" presId="urn:microsoft.com/office/officeart/2005/8/layout/radial6"/>
    <dgm:cxn modelId="{0B10710E-D8AB-4B40-9A89-89672B74BACB}" type="presParOf" srcId="{945C73FA-BD78-491F-B6D0-75F333DEEE58}" destId="{94E342C1-8453-4B1B-A131-C49745D2E7F6}" srcOrd="11" destOrd="0" presId="urn:microsoft.com/office/officeart/2005/8/layout/radial6"/>
    <dgm:cxn modelId="{B858F32D-76A3-4966-B3AA-818C8D6867F3}" type="presParOf" srcId="{945C73FA-BD78-491F-B6D0-75F333DEEE58}" destId="{D89DFCA0-D398-4F2B-9C85-1C8E5156676F}" srcOrd="12" destOrd="0" presId="urn:microsoft.com/office/officeart/2005/8/layout/radial6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89DFCA0-D398-4F2B-9C85-1C8E5156676F}">
      <dsp:nvSpPr>
        <dsp:cNvPr id="0" name=""/>
        <dsp:cNvSpPr/>
      </dsp:nvSpPr>
      <dsp:spPr>
        <a:xfrm>
          <a:off x="1507830" y="-149881"/>
          <a:ext cx="5430323" cy="5487870"/>
        </a:xfrm>
        <a:prstGeom prst="blockArc">
          <a:avLst>
            <a:gd name="adj1" fmla="val 8920997"/>
            <a:gd name="adj2" fmla="val 19720997"/>
            <a:gd name="adj3" fmla="val 3637"/>
          </a:avLst>
        </a:prstGeom>
        <a:gradFill rotWithShape="0">
          <a:gsLst>
            <a:gs pos="0">
              <a:schemeClr val="accent5">
                <a:hueOff val="-6758543"/>
                <a:satOff val="-17419"/>
                <a:lumOff val="-11765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5">
                <a:hueOff val="-6758543"/>
                <a:satOff val="-17419"/>
                <a:lumOff val="-11765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5">
                <a:hueOff val="-6758543"/>
                <a:satOff val="-17419"/>
                <a:lumOff val="-11765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</dsp:sp>
    <dsp:sp modelId="{B26C8BDD-608C-49F9-9CE6-C0CA4A4F566B}">
      <dsp:nvSpPr>
        <dsp:cNvPr id="0" name=""/>
        <dsp:cNvSpPr/>
      </dsp:nvSpPr>
      <dsp:spPr>
        <a:xfrm>
          <a:off x="1676080" y="1296422"/>
          <a:ext cx="4039892" cy="4039892"/>
        </a:xfrm>
        <a:prstGeom prst="blockArc">
          <a:avLst>
            <a:gd name="adj1" fmla="val 1019928"/>
            <a:gd name="adj2" fmla="val 11819928"/>
            <a:gd name="adj3" fmla="val 4069"/>
          </a:avLst>
        </a:prstGeom>
        <a:gradFill rotWithShape="0">
          <a:gsLst>
            <a:gs pos="0">
              <a:schemeClr val="accent5">
                <a:hueOff val="-4505695"/>
                <a:satOff val="-11613"/>
                <a:lumOff val="-7843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5">
                <a:hueOff val="-4505695"/>
                <a:satOff val="-11613"/>
                <a:lumOff val="-7843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5">
                <a:hueOff val="-4505695"/>
                <a:satOff val="-11613"/>
                <a:lumOff val="-7843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</dsp:sp>
    <dsp:sp modelId="{54093126-9497-47A0-A3BA-08628295DDE3}">
      <dsp:nvSpPr>
        <dsp:cNvPr id="0" name=""/>
        <dsp:cNvSpPr/>
      </dsp:nvSpPr>
      <dsp:spPr>
        <a:xfrm>
          <a:off x="4314510" y="1045559"/>
          <a:ext cx="3546158" cy="3546158"/>
        </a:xfrm>
        <a:prstGeom prst="blockArc">
          <a:avLst>
            <a:gd name="adj1" fmla="val 19891402"/>
            <a:gd name="adj2" fmla="val 7374969"/>
            <a:gd name="adj3" fmla="val 4636"/>
          </a:avLst>
        </a:prstGeom>
        <a:gradFill rotWithShape="0">
          <a:gsLst>
            <a:gs pos="0">
              <a:schemeClr val="accent5">
                <a:hueOff val="-2252848"/>
                <a:satOff val="-5806"/>
                <a:lumOff val="-3922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5">
                <a:hueOff val="-2252848"/>
                <a:satOff val="-5806"/>
                <a:lumOff val="-3922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5">
                <a:hueOff val="-2252848"/>
                <a:satOff val="-5806"/>
                <a:lumOff val="-3922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</dsp:sp>
    <dsp:sp modelId="{ADF2A745-B2E1-48C3-8C93-F10BFE9DAA16}">
      <dsp:nvSpPr>
        <dsp:cNvPr id="0" name=""/>
        <dsp:cNvSpPr/>
      </dsp:nvSpPr>
      <dsp:spPr>
        <a:xfrm>
          <a:off x="4144909" y="589594"/>
          <a:ext cx="3546158" cy="3546158"/>
        </a:xfrm>
        <a:prstGeom prst="blockArc">
          <a:avLst>
            <a:gd name="adj1" fmla="val 14628095"/>
            <a:gd name="adj2" fmla="val 20860216"/>
            <a:gd name="adj3" fmla="val 4636"/>
          </a:avLst>
        </a:prstGeom>
        <a:gradFill rotWithShape="0">
          <a:gsLst>
            <a:gs pos="0">
              <a:schemeClr val="accent5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5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5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</dsp:sp>
    <dsp:sp modelId="{1B7A546F-C023-41B4-9939-62CD431142CB}">
      <dsp:nvSpPr>
        <dsp:cNvPr id="0" name=""/>
        <dsp:cNvSpPr/>
      </dsp:nvSpPr>
      <dsp:spPr>
        <a:xfrm>
          <a:off x="2585756" y="2139255"/>
          <a:ext cx="4133851" cy="1508987"/>
        </a:xfrm>
        <a:prstGeom prst="ellipse">
          <a:avLst/>
        </a:prstGeom>
        <a:solidFill>
          <a:schemeClr val="accent2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marL="0" lvl="0" indent="0" algn="ctr" defTabSz="16002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3600" b="1" kern="1200">
              <a:solidFill>
                <a:schemeClr val="tx1"/>
              </a:solidFill>
            </a:rPr>
            <a:t>地方自治体</a:t>
          </a:r>
          <a:endParaRPr kumimoji="1" lang="ja-JP" altLang="en-US" sz="3600" b="1" kern="1200" dirty="0">
            <a:solidFill>
              <a:schemeClr val="tx1"/>
            </a:solidFill>
          </a:endParaRPr>
        </a:p>
      </dsp:txBody>
      <dsp:txXfrm>
        <a:off x="3191144" y="2360241"/>
        <a:ext cx="2923075" cy="1067015"/>
      </dsp:txXfrm>
    </dsp:sp>
    <dsp:sp modelId="{37EFDD54-4FF3-42BA-8F3A-87DA326712CB}">
      <dsp:nvSpPr>
        <dsp:cNvPr id="0" name=""/>
        <dsp:cNvSpPr/>
      </dsp:nvSpPr>
      <dsp:spPr>
        <a:xfrm>
          <a:off x="3256752" y="-457312"/>
          <a:ext cx="3793200" cy="2531864"/>
        </a:xfrm>
        <a:prstGeom prst="ellipse">
          <a:avLst/>
        </a:prstGeom>
        <a:solidFill>
          <a:schemeClr val="accent4">
            <a:lumMod val="60000"/>
            <a:lumOff val="40000"/>
          </a:schemeClr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25400" tIns="25400" rIns="25400" bIns="25400" numCol="1" spcCol="1270" anchor="ctr" anchorCtr="0">
          <a:noAutofit/>
        </a:bodyPr>
        <a:lstStyle/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ja-JP" altLang="en-US" sz="2000" b="1" kern="1200" dirty="0">
              <a:solidFill>
                <a:schemeClr val="tx1"/>
              </a:solidFill>
            </a:rPr>
            <a:t>技　術（道具）</a:t>
          </a:r>
          <a:endParaRPr lang="en-US" altLang="ja-JP" sz="2000" b="1" kern="1200" dirty="0">
            <a:solidFill>
              <a:schemeClr val="tx1"/>
            </a:solidFill>
          </a:endParaRPr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ja-JP" altLang="en-US" sz="1600" b="1" kern="1200" dirty="0">
              <a:solidFill>
                <a:schemeClr val="tx1"/>
              </a:solidFill>
            </a:rPr>
            <a:t>点検技術、ドローン、ロボット、</a:t>
          </a:r>
          <a:endParaRPr lang="en-US" altLang="ja-JP" sz="1600" b="1" kern="1200" dirty="0">
            <a:solidFill>
              <a:schemeClr val="tx1"/>
            </a:solidFill>
          </a:endParaRPr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ja-JP" altLang="en-US" sz="1600" b="1" kern="1200" dirty="0">
              <a:solidFill>
                <a:schemeClr val="tx1"/>
              </a:solidFill>
            </a:rPr>
            <a:t>モニンタリングシステム、</a:t>
          </a:r>
          <a:r>
            <a:rPr lang="en-US" altLang="ja-JP" sz="1600" b="1" kern="1200" dirty="0">
              <a:solidFill>
                <a:schemeClr val="tx1"/>
              </a:solidFill>
            </a:rPr>
            <a:t>DB</a:t>
          </a:r>
          <a:r>
            <a:rPr lang="ja-JP" altLang="en-US" sz="1600" b="1" kern="1200" dirty="0">
              <a:solidFill>
                <a:schemeClr val="tx1"/>
              </a:solidFill>
            </a:rPr>
            <a:t>、</a:t>
          </a:r>
          <a:r>
            <a:rPr lang="en-US" altLang="ja-JP" sz="1600" b="1" kern="1200" dirty="0">
              <a:solidFill>
                <a:schemeClr val="tx1"/>
              </a:solidFill>
            </a:rPr>
            <a:t>BIM/CIM</a:t>
          </a:r>
          <a:r>
            <a:rPr lang="ja-JP" altLang="en-US" sz="1600" b="1" kern="1200" dirty="0">
              <a:solidFill>
                <a:schemeClr val="tx1"/>
              </a:solidFill>
            </a:rPr>
            <a:t>、</a:t>
          </a:r>
          <a:r>
            <a:rPr lang="en-US" altLang="ja-JP" sz="1600" b="1" kern="1200" dirty="0">
              <a:solidFill>
                <a:schemeClr val="tx1"/>
              </a:solidFill>
            </a:rPr>
            <a:t>AI</a:t>
          </a:r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1600" b="1" kern="1200" dirty="0">
              <a:solidFill>
                <a:schemeClr val="tx1"/>
              </a:solidFill>
            </a:rPr>
            <a:t>非破壊検査技術</a:t>
          </a:r>
          <a:endParaRPr kumimoji="1" lang="ja-JP" altLang="en-US" sz="1600" kern="1200" dirty="0">
            <a:solidFill>
              <a:schemeClr val="tx1"/>
            </a:solidFill>
          </a:endParaRPr>
        </a:p>
      </dsp:txBody>
      <dsp:txXfrm>
        <a:off x="3812253" y="-86529"/>
        <a:ext cx="2682198" cy="1790298"/>
      </dsp:txXfrm>
    </dsp:sp>
    <dsp:sp modelId="{CCD30419-E0E6-488C-8C55-D4019C43650C}">
      <dsp:nvSpPr>
        <dsp:cNvPr id="0" name=""/>
        <dsp:cNvSpPr/>
      </dsp:nvSpPr>
      <dsp:spPr>
        <a:xfrm>
          <a:off x="6654777" y="1421992"/>
          <a:ext cx="1910483" cy="1141677"/>
        </a:xfrm>
        <a:prstGeom prst="ellipse">
          <a:avLst/>
        </a:prstGeom>
        <a:gradFill rotWithShape="0">
          <a:gsLst>
            <a:gs pos="0">
              <a:schemeClr val="accent5">
                <a:hueOff val="-2252848"/>
                <a:satOff val="-5806"/>
                <a:lumOff val="-3922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5">
                <a:hueOff val="-2252848"/>
                <a:satOff val="-5806"/>
                <a:lumOff val="-3922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5">
                <a:hueOff val="-2252848"/>
                <a:satOff val="-5806"/>
                <a:lumOff val="-3922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25400" tIns="25400" rIns="25400" bIns="25400" numCol="1" spcCol="1270" anchor="ctr" anchorCtr="0">
          <a:noAutofit/>
        </a:bodyPr>
        <a:lstStyle/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2000" b="1" kern="1200" dirty="0">
              <a:solidFill>
                <a:schemeClr val="tx1"/>
              </a:solidFill>
              <a:latin typeface="HGPｺﾞｼｯｸM" panose="020B0600000000000000" pitchFamily="50" charset="-128"/>
              <a:ea typeface="HGPｺﾞｼｯｸM" panose="020B0600000000000000" pitchFamily="50" charset="-128"/>
            </a:rPr>
            <a:t>お金</a:t>
          </a:r>
          <a:endParaRPr kumimoji="1" lang="en-US" altLang="ja-JP" sz="2000" b="1" kern="1200" dirty="0">
            <a:solidFill>
              <a:schemeClr val="tx1"/>
            </a:solidFill>
            <a:latin typeface="HGPｺﾞｼｯｸM" panose="020B0600000000000000" pitchFamily="50" charset="-128"/>
            <a:ea typeface="HGPｺﾞｼｯｸM" panose="020B0600000000000000" pitchFamily="50" charset="-128"/>
          </a:endParaRPr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2000" b="1" kern="1200" dirty="0">
              <a:solidFill>
                <a:schemeClr val="tx1"/>
              </a:solidFill>
              <a:latin typeface="HGPｺﾞｼｯｸM" panose="020B0600000000000000" pitchFamily="50" charset="-128"/>
              <a:ea typeface="HGPｺﾞｼｯｸM" panose="020B0600000000000000" pitchFamily="50" charset="-128"/>
            </a:rPr>
            <a:t>（財政）</a:t>
          </a:r>
        </a:p>
      </dsp:txBody>
      <dsp:txXfrm>
        <a:off x="6934561" y="1589187"/>
        <a:ext cx="1350915" cy="807287"/>
      </dsp:txXfrm>
    </dsp:sp>
    <dsp:sp modelId="{1E49F528-80FD-4845-8E12-95E8BED28EB3}">
      <dsp:nvSpPr>
        <dsp:cNvPr id="0" name=""/>
        <dsp:cNvSpPr/>
      </dsp:nvSpPr>
      <dsp:spPr>
        <a:xfrm>
          <a:off x="3642053" y="3481337"/>
          <a:ext cx="3008720" cy="1582479"/>
        </a:xfrm>
        <a:prstGeom prst="ellipse">
          <a:avLst/>
        </a:prstGeom>
        <a:gradFill rotWithShape="0">
          <a:gsLst>
            <a:gs pos="0">
              <a:schemeClr val="accent5">
                <a:hueOff val="-4505695"/>
                <a:satOff val="-11613"/>
                <a:lumOff val="-7843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5">
                <a:hueOff val="-4505695"/>
                <a:satOff val="-11613"/>
                <a:lumOff val="-7843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5">
                <a:hueOff val="-4505695"/>
                <a:satOff val="-11613"/>
                <a:lumOff val="-7843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0480" tIns="30480" rIns="30480" bIns="30480" numCol="1" spcCol="1270" anchor="ctr" anchorCtr="0">
          <a:noAutofit/>
        </a:bodyPr>
        <a:lstStyle/>
        <a:p>
          <a:pPr marL="0" lvl="0" indent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2400" b="1" kern="1200" dirty="0">
              <a:solidFill>
                <a:schemeClr val="tx1"/>
              </a:solidFill>
            </a:rPr>
            <a:t>情報</a:t>
          </a:r>
          <a:endParaRPr kumimoji="1" lang="en-US" altLang="ja-JP" sz="2400" b="1" kern="1200" dirty="0">
            <a:solidFill>
              <a:schemeClr val="tx1"/>
            </a:solidFill>
          </a:endParaRPr>
        </a:p>
        <a:p>
          <a:pPr marL="0" lvl="0" indent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2400" b="1" kern="1200" dirty="0">
              <a:solidFill>
                <a:schemeClr val="tx1"/>
              </a:solidFill>
            </a:rPr>
            <a:t>収集と発信</a:t>
          </a:r>
        </a:p>
      </dsp:txBody>
      <dsp:txXfrm>
        <a:off x="4082670" y="3713086"/>
        <a:ext cx="2127486" cy="1118981"/>
      </dsp:txXfrm>
    </dsp:sp>
    <dsp:sp modelId="{D655E89F-78F0-4262-AA9A-B4E8C71D0F76}">
      <dsp:nvSpPr>
        <dsp:cNvPr id="0" name=""/>
        <dsp:cNvSpPr/>
      </dsp:nvSpPr>
      <dsp:spPr>
        <a:xfrm>
          <a:off x="121157" y="1734777"/>
          <a:ext cx="2480945" cy="2761523"/>
        </a:xfrm>
        <a:prstGeom prst="ellipse">
          <a:avLst/>
        </a:prstGeom>
        <a:solidFill>
          <a:schemeClr val="accent4">
            <a:lumMod val="20000"/>
            <a:lumOff val="80000"/>
          </a:schemeClr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25400" tIns="25400" rIns="25400" bIns="25400" numCol="1" spcCol="1270" anchor="ctr" anchorCtr="0">
          <a:noAutofit/>
        </a:bodyPr>
        <a:lstStyle/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ja-JP" altLang="en-US" sz="2000" b="1" kern="1200" dirty="0">
              <a:solidFill>
                <a:schemeClr val="tx1"/>
              </a:solidFill>
            </a:rPr>
            <a:t>マネジメント</a:t>
          </a:r>
          <a:endParaRPr lang="en-US" altLang="ja-JP" sz="2000" b="1" kern="1200" dirty="0">
            <a:solidFill>
              <a:schemeClr val="tx1"/>
            </a:solidFill>
          </a:endParaRPr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ja-JP" altLang="en-US" sz="2000" b="1" kern="1200" dirty="0">
              <a:solidFill>
                <a:schemeClr val="tx1"/>
              </a:solidFill>
            </a:rPr>
            <a:t>（しくみ）</a:t>
          </a:r>
          <a:endParaRPr lang="en-US" altLang="ja-JP" sz="2000" b="1" kern="1200" dirty="0">
            <a:solidFill>
              <a:schemeClr val="tx1"/>
            </a:solidFill>
          </a:endParaRPr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2000" b="1" kern="1200" dirty="0">
              <a:solidFill>
                <a:schemeClr val="tx1"/>
              </a:solidFill>
            </a:rPr>
            <a:t>ｱｾｯﾄﾏﾈｼﾞﾒﾝﾄ、</a:t>
          </a:r>
          <a:r>
            <a:rPr kumimoji="1" lang="en-US" altLang="ja-JP" sz="2000" b="1" kern="1200" dirty="0">
              <a:solidFill>
                <a:schemeClr val="tx1"/>
              </a:solidFill>
            </a:rPr>
            <a:t>PPP/PFI</a:t>
          </a:r>
          <a:r>
            <a:rPr kumimoji="1" lang="ja-JP" altLang="en-US" sz="2000" b="1" kern="1200" dirty="0">
              <a:solidFill>
                <a:schemeClr val="tx1"/>
              </a:solidFill>
            </a:rPr>
            <a:t>、</a:t>
          </a:r>
          <a:endParaRPr kumimoji="1" lang="en-US" altLang="ja-JP" sz="2000" b="1" kern="1200" dirty="0">
            <a:solidFill>
              <a:schemeClr val="tx1"/>
            </a:solidFill>
          </a:endParaRPr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2000" b="1" kern="1200" dirty="0">
              <a:solidFill>
                <a:schemeClr val="tx1"/>
              </a:solidFill>
            </a:rPr>
            <a:t>包括管理</a:t>
          </a:r>
        </a:p>
      </dsp:txBody>
      <dsp:txXfrm>
        <a:off x="484483" y="2139193"/>
        <a:ext cx="1754293" cy="1952691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radial6">
  <dgm:title val=""/>
  <dgm:desc val=""/>
  <dgm:catLst>
    <dgm:cat type="cycle" pri="9000"/>
    <dgm:cat type="relationship" pri="2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13">
          <dgm:prSet phldr="1"/>
        </dgm:pt>
        <dgm:pt modelId="14">
          <dgm:prSet phldr="1"/>
        </dgm:pt>
      </dgm:ptLst>
      <dgm:cxnLst>
        <dgm:cxn modelId="2" srcId="0" destId="1" srcOrd="0" destOrd="0"/>
        <dgm:cxn modelId="3" srcId="1" destId="11" srcOrd="0" destOrd="0"/>
        <dgm:cxn modelId="4" srcId="1" destId="12" srcOrd="1" destOrd="0"/>
        <dgm:cxn modelId="5" srcId="1" destId="13" srcOrd="2" destOrd="0"/>
        <dgm:cxn modelId="6" srcId="1" destId="14" srcOrd="3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  <dgm:pt modelId="13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  <dgm:pt modelId="14"/>
        <dgm:pt modelId="15"/>
        <dgm:pt modelId="16"/>
      </dgm:ptLst>
      <dgm:cxnLst>
        <dgm:cxn modelId="2" srcId="0" destId="1" srcOrd="0" destOrd="0"/>
        <dgm:cxn modelId="16" srcId="1" destId="11" srcOrd="0" destOrd="0"/>
        <dgm:cxn modelId="17" srcId="1" destId="12" srcOrd="1" destOrd="0"/>
        <dgm:cxn modelId="18" srcId="1" destId="13" srcOrd="2" destOrd="0"/>
        <dgm:cxn modelId="19" srcId="1" destId="14" srcOrd="3" destOrd="0"/>
        <dgm:cxn modelId="20" srcId="1" destId="15" srcOrd="4" destOrd="0"/>
        <dgm:cxn modelId="21" srcId="1" destId="16" srcOrd="5" destOrd="0"/>
      </dgm:cxnLst>
      <dgm:bg/>
      <dgm:whole/>
    </dgm:dataModel>
  </dgm:clrData>
  <dgm:layoutNode name="Name0">
    <dgm:varLst>
      <dgm:chMax val="1"/>
      <dgm:dir/>
      <dgm:animLvl val="ctr"/>
      <dgm:resizeHandles val="exact"/>
    </dgm:varLst>
    <dgm:choose name="Name1">
      <dgm:if name="Name2" func="var" arg="dir" op="equ" val="norm">
        <dgm:choose name="Name3">
          <dgm:if name="Name4" axis="ch ch" ptType="node node" st="1 1" cnt="1 0" func="cnt" op="lte" val="1">
            <dgm:alg type="cycle">
              <dgm:param type="stAng" val="90"/>
              <dgm:param type="spanAng" val="360"/>
              <dgm:param type="ctrShpMap" val="fNode"/>
            </dgm:alg>
          </dgm:if>
          <dgm:else name="Name5">
            <dgm:alg type="cycle">
              <dgm:param type="stAng" val="0"/>
              <dgm:param type="spanAng" val="360"/>
              <dgm:param type="ctrShpMap" val="fNode"/>
            </dgm:alg>
          </dgm:else>
        </dgm:choose>
      </dgm:if>
      <dgm:else name="Name6">
        <dgm:choose name="Name7">
          <dgm:if name="Name8" axis="ch ch" ptType="node node" st="1 1" cnt="1 0" func="cnt" op="lte" val="1">
            <dgm:alg type="cycle">
              <dgm:param type="stAng" val="-90"/>
              <dgm:param type="spanAng" val="360"/>
              <dgm:param type="ctrShpMap" val="fNode"/>
            </dgm:alg>
          </dgm:if>
          <dgm:else name="Name9">
            <dgm:alg type="cycle">
              <dgm:param type="stAng" val="0"/>
              <dgm:param type="spanAng" val="-360"/>
              <dgm:param type="ctrShpMap" val="fNode"/>
            </dgm:alg>
          </dgm:else>
        </dgm:choose>
      </dgm:else>
    </dgm:choose>
    <dgm:shape xmlns:r="http://schemas.openxmlformats.org/officeDocument/2006/relationships" r:blip="">
      <dgm:adjLst/>
    </dgm:shape>
    <dgm:presOf/>
    <dgm:choose name="Name10">
      <dgm:if name="Name11" func="var" arg="dir" op="equ" val="norm">
        <dgm:choose name="Name12">
          <dgm:if name="Name13" axis="ch ch" ptType="node node" st="1 1" cnt="1 0" func="cnt" op="equ" val="1">
            <dgm:constrLst>
              <dgm:constr type="diam" val="170"/>
              <dgm:constr type="w" for="ch" forName="centerShape" refType="w"/>
              <dgm:constr type="w" for="ch" forName="oneComp" refType="w" refFor="ch" refForName="centerShape" op="equ" fact="0.7"/>
              <dgm:constr type="sp" refType="w" refFor="ch" refForName="oneComp" fact="0.3"/>
              <dgm:constr type="sibSp" refType="w" refFor="ch" refForName="oneComp" fact="0.3"/>
              <dgm:constr type="primFontSz" for="ch" forName="centerShape" val="65"/>
              <dgm:constr type="primFontSz" for="des" forName="oneNode" refType="primFontSz" refFor="ch" refForName="centerShape" fact="0.95"/>
              <dgm:constr type="primFontSz" for="des" forName="oneNode" refType="primFontSz" refFor="ch" refForName="centerShape" op="lte" fact="0.95"/>
              <dgm:constr type="diam" for="ch" forName="singleconn" refType="diam" op="equ" fact="-1"/>
              <dgm:constr type="h" for="ch" forName="singleconn" refType="w" refFor="ch" refForName="oneComp" fact="0.24"/>
              <dgm:constr type="w" for="ch" forName="dummya" refType="w" refFor="ch" refForName="oneComp" op="equ"/>
              <dgm:constr type="w" for="ch" forName="dummyb" refType="w" refFor="ch" refForName="oneComp" op="equ"/>
              <dgm:constr type="w" for="ch" forName="dummyc" refType="w" refFor="ch" refForName="oneComp" op="equ"/>
            </dgm:constrLst>
          </dgm:if>
          <dgm:else name="Name14">
            <dgm:constrLst>
              <dgm:constr type="diam" val="170"/>
              <dgm:constr type="w" for="ch" forName="centerShape" refType="w"/>
              <dgm:constr type="w" for="ch" forName="node" refType="w" refFor="ch" refForName="centerShape" op="equ" fact="0.7"/>
              <dgm:constr type="sp" refType="w" refFor="ch" refForName="node" fact="0.3"/>
              <dgm:constr type="sibSp" refType="w" refFor="ch" refForName="node" fact="0.3"/>
              <dgm:constr type="primFontSz" for="ch" forName="centerShape" val="65"/>
              <dgm:constr type="primFontSz" for="des" forName="node" refType="primFontSz" refFor="ch" refForName="centerShape" fact="0.78"/>
              <dgm:constr type="primFontSz" for="ch" forName="node" refType="primFontSz" refFor="ch" refForName="centerShape" op="lte" fact="0.95"/>
              <dgm:constr type="diam" for="ch" forName="sibTrans" refType="diam" op="equ"/>
              <dgm:constr type="h" for="ch" forName="sibTrans" refType="w" refFor="ch" refForName="node" fact="0.24"/>
              <dgm:constr type="w" for="ch" forName="dummy" val="1"/>
            </dgm:constrLst>
          </dgm:else>
        </dgm:choose>
      </dgm:if>
      <dgm:else name="Name15">
        <dgm:choose name="Name16">
          <dgm:if name="Name17" axis="ch ch" ptType="node node" st="1 1" cnt="1 0" func="cnt" op="equ" val="1">
            <dgm:constrLst>
              <dgm:constr type="diam" val="170"/>
              <dgm:constr type="w" for="ch" forName="centerShape" refType="w"/>
              <dgm:constr type="w" for="ch" forName="oneComp" refType="w" refFor="ch" refForName="centerShape" op="equ" fact="0.7"/>
              <dgm:constr type="sp" refType="w" refFor="ch" refForName="oneComp" fact="0.3"/>
              <dgm:constr type="sibSp" refType="w" refFor="ch" refForName="oneComp" fact="0.3"/>
              <dgm:constr type="primFontSz" for="ch" forName="centerShape" val="65"/>
              <dgm:constr type="primFontSz" for="des" forName="oneNode" refType="primFontSz" refFor="ch" refForName="centerShape" fact="0.95"/>
              <dgm:constr type="primFontSz" for="ch" forName="oneNode" refType="primFontSz" refFor="ch" refForName="centerShape" op="lte" fact="0.95"/>
              <dgm:constr type="diam" for="ch" forName="singleconn" refType="diam"/>
              <dgm:constr type="h" for="ch" forName="singleconn" refType="w" refFor="ch" refForName="oneComp" fact="0.24"/>
              <dgm:constr type="diam" for="ch" refType="diam" op="equ"/>
              <dgm:constr type="w" for="ch" forName="dummya" refType="w" refFor="ch" refForName="oneComp" op="equ"/>
              <dgm:constr type="w" for="ch" forName="dummyb" refType="w" refFor="ch" refForName="oneComp" op="equ"/>
              <dgm:constr type="w" for="ch" forName="dummyc" refType="w" refFor="ch" refForName="oneComp" op="equ"/>
            </dgm:constrLst>
          </dgm:if>
          <dgm:else name="Name18">
            <dgm:constrLst>
              <dgm:constr type="diam" val="170"/>
              <dgm:constr type="w" for="ch" forName="centerShape" refType="w"/>
              <dgm:constr type="w" for="ch" forName="node" refType="w" refFor="ch" refForName="centerShape" op="equ" fact="0.7"/>
              <dgm:constr type="sp" refType="w" refFor="ch" refForName="node" fact="0.3"/>
              <dgm:constr type="sibSp" refType="w" refFor="ch" refForName="node" fact="0.3"/>
              <dgm:constr type="primFontSz" for="ch" forName="centerShape" val="65"/>
              <dgm:constr type="primFontSz" for="des" forName="node" refType="primFontSz" refFor="ch" refForName="centerShape" fact="0.78"/>
              <dgm:constr type="primFontSz" for="ch" forName="node" refType="primFontSz" refFor="ch" refForName="centerShape" op="lte" fact="0.95"/>
              <dgm:constr type="diam" for="ch" ptType="sibTrans" refType="diam" fact="-1"/>
              <dgm:constr type="h" for="ch" forName="sibTrans" refType="w" refFor="ch" refForName="node" fact="0.24"/>
              <dgm:constr type="diam" for="ch" refType="diam" op="equ" fact="-1"/>
              <dgm:constr type="w" for="ch" forName="dummy" val="1"/>
            </dgm:constrLst>
          </dgm:else>
        </dgm:choose>
      </dgm:else>
    </dgm:choose>
    <dgm:ruleLst>
      <dgm:rule type="diam" val="INF" fact="NaN" max="NaN"/>
    </dgm:ruleLst>
    <dgm:forEach name="Name19" axis="ch" ptType="node" cnt="1">
      <dgm:layoutNode name="centerShape" styleLbl="node0">
        <dgm:alg type="tx"/>
        <dgm:shape xmlns:r="http://schemas.openxmlformats.org/officeDocument/2006/relationships" type="ellipse" r:blip="">
          <dgm:adjLst/>
        </dgm:shape>
        <dgm:presOf axis="self"/>
        <dgm:constrLst>
          <dgm:constr type="h" refType="w"/>
          <dgm:constr type="tMarg" refType="primFontSz" fact="0.1"/>
          <dgm:constr type="bMarg" refType="primFontSz" fact="0.1"/>
          <dgm:constr type="lMarg" refType="primFontSz" fact="0.1"/>
          <dgm:constr type="rMarg" refType="primFontSz" fact="0.1"/>
        </dgm:constrLst>
        <dgm:ruleLst>
          <dgm:rule type="primFontSz" val="5" fact="NaN" max="NaN"/>
        </dgm:ruleLst>
      </dgm:layoutNode>
      <dgm:forEach name="Name20" axis="ch">
        <dgm:forEach name="Name21" axis="self" ptType="node">
          <dgm:choose name="Name22">
            <dgm:if name="Name23" axis="par ch" ptType="node node" func="cnt" op="gt" val="1">
              <dgm:layoutNode name="node" styleLbl="node1">
                <dgm:varLst>
                  <dgm:bulletEnabled val="1"/>
                </dgm:varLst>
                <dgm:alg type="tx">
                  <dgm:param type="txAnchorVertCh" val="mid"/>
                </dgm:alg>
                <dgm:shape xmlns:r="http://schemas.openxmlformats.org/officeDocument/2006/relationships" type="ellipse" r:blip="">
                  <dgm:adjLst/>
                </dgm:shape>
                <dgm:presOf axis="desOrSelf" ptType="node"/>
                <dgm:constrLst>
                  <dgm:constr type="h" refType="w"/>
                  <dgm:constr type="tMarg" refType="primFontSz" fact="0.1"/>
                  <dgm:constr type="bMarg" refType="primFontSz" fact="0.1"/>
                  <dgm:constr type="lMarg" refType="primFontSz" fact="0.1"/>
                  <dgm:constr type="rMarg" refType="primFontSz" fact="0.1"/>
                </dgm:constrLst>
                <dgm:ruleLst>
                  <dgm:rule type="primFontSz" val="5" fact="NaN" max="NaN"/>
                </dgm:ruleLst>
              </dgm:layoutNode>
              <dgm:layoutNode name="dummy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forEach name="sibTransForEach" axis="followSib" ptType="sibTrans" hideLastTrans="0" cnt="1">
                <dgm:layoutNode name="sibTrans" styleLbl="sibTrans2D1">
                  <dgm:alg type="conn">
                    <dgm:param type="connRout" val="curve"/>
                    <dgm:param type="begPts" val="ctr"/>
                    <dgm:param type="endPts" val="ctr"/>
                    <dgm:param type="begSty" val="noArr"/>
                    <dgm:param type="endSty" val="noArr"/>
                    <dgm:param type="dstNode" val="node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</dgm:if>
            <dgm:if name="Name24" axis="par ch" ptType="node node" func="cnt" op="equ" val="1">
              <dgm:layoutNode name="oneComp">
                <dgm:alg type="composite">
                  <dgm:param type="ar" val="1"/>
                </dgm:alg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  <dgm:constr type="l" for="ch" forName="dummyConnPt" refType="w" fact="0.5"/>
                  <dgm:constr type="t" for="ch" forName="dummyConnPt" refType="w" fact="0.5"/>
                  <dgm:constr type="l" for="ch" forName="oneNode"/>
                  <dgm:constr type="t" for="ch" forName="oneNode"/>
                  <dgm:constr type="h" for="ch" forName="oneNode" refType="h"/>
                  <dgm:constr type="w" for="ch" forName="oneNode" refType="w"/>
                </dgm:constrLst>
                <dgm:ruleLst/>
                <dgm:layoutNode name="dummyConnPt" styleLbl="node1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>
                    <dgm:constr type="w" val="1"/>
                    <dgm:constr type="h" val="1"/>
                  </dgm:constrLst>
                  <dgm:ruleLst/>
                </dgm:layoutNode>
                <dgm:layoutNode name="oneNode" styleLbl="node1">
                  <dgm:varLst>
                    <dgm:bulletEnabled val="1"/>
                  </dgm:varLst>
                  <dgm:alg type="tx">
                    <dgm:param type="txAnchorVertCh" val="mid"/>
                  </dgm:alg>
                  <dgm:shape xmlns:r="http://schemas.openxmlformats.org/officeDocument/2006/relationships" type="ellipse" r:blip="">
                    <dgm:adjLst/>
                  </dgm:shape>
                  <dgm:presOf axis="desOrSelf" ptType="node"/>
                  <dgm:constrLst>
                    <dgm:constr type="h" refType="w"/>
                    <dgm:constr type="tMarg" refType="primFontSz" fact="0.1"/>
                    <dgm:constr type="bMarg" refType="primFontSz" fact="0.1"/>
                    <dgm:constr type="lMarg" refType="primFontSz" fact="0.1"/>
                    <dgm:constr type="rMarg" refType="primFontSz" fact="0.1"/>
                  </dgm:constrLst>
                  <dgm:ruleLst>
                    <dgm:rule type="primFontSz" val="5" fact="NaN" max="NaN"/>
                  </dgm:ruleLst>
                </dgm:layoutNode>
              </dgm:layoutNode>
              <dgm:layoutNode name="dummya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layoutNode name="dummyb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layoutNode name="dummyc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forEach name="sibTransForEach1" axis="followSib" ptType="sibTrans" hideLastTrans="0" cnt="1">
                <dgm:layoutNode name="singleconn" styleLbl="sibTrans2D1">
                  <dgm:alg type="conn">
                    <dgm:param type="connRout" val="longCurve"/>
                    <dgm:param type="begPts" val="bCtr"/>
                    <dgm:param type="endPts" val="tCtr"/>
                    <dgm:param type="begSty" val="noArr"/>
                    <dgm:param type="endSty" val="noArr"/>
                    <dgm:param type="srcNode" val="dummyConnPt"/>
                    <dgm:param type="dstNode" val="dummyConnPt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</dgm:if>
            <dgm:else name="Name25"/>
          </dgm:choose>
        </dgm:forEach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77105</cdr:x>
      <cdr:y>0.0309</cdr:y>
    </cdr:from>
    <cdr:to>
      <cdr:x>0.97105</cdr:x>
      <cdr:y>0.26167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140960" y="119380"/>
          <a:ext cx="1333500" cy="891540"/>
        </a:xfrm>
        <a:prstGeom xmlns:a="http://schemas.openxmlformats.org/drawingml/2006/main" prst="rect">
          <a:avLst/>
        </a:prstGeom>
        <a:solidFill xmlns:a="http://schemas.openxmlformats.org/drawingml/2006/main">
          <a:schemeClr val="lt1"/>
        </a:solidFill>
        <a:ln xmlns:a="http://schemas.openxmlformats.org/drawingml/2006/main" w="9525" cmpd="sng">
          <a:solidFill>
            <a:schemeClr val="lt1">
              <a:shade val="50000"/>
            </a:schemeClr>
          </a:solidFill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square" rtlCol="0" anchor="t"/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marL="0" marR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2018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年</a:t>
          </a: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5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月</a:t>
          </a: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18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日</a:t>
          </a: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AM7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：</a:t>
          </a: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55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までの</a:t>
          </a:r>
          <a:endParaRPr lang="en-US" altLang="ja-JP" sz="1100">
            <a:solidFill>
              <a:schemeClr val="dk1"/>
            </a:solidFill>
            <a:latin typeface="+mn-lt"/>
            <a:ea typeface="+mn-ea"/>
            <a:cs typeface="+mn-cs"/>
          </a:endParaRPr>
        </a:p>
        <a:p xmlns:a="http://schemas.openxmlformats.org/drawingml/2006/main">
          <a:pPr marL="0" marR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データグラフ</a:t>
          </a:r>
          <a:endParaRPr kumimoji="1" lang="ja-JP" altLang="en-US" sz="1100"/>
        </a:p>
      </cdr:txBody>
    </cdr: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18831" cy="495029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3815373" y="0"/>
            <a:ext cx="2918831" cy="495029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60A0181-5DC1-4753-904E-060B79ACFA65}" type="datetimeFigureOut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1147763" y="1233488"/>
            <a:ext cx="4440237" cy="33289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ja-JP" altLang="en-US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73577" y="4748163"/>
            <a:ext cx="5388610" cy="3884861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0" y="9371286"/>
            <a:ext cx="2918831" cy="49502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3815373" y="9371286"/>
            <a:ext cx="2918831" cy="49502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971DC80-3DED-42A2-9A1F-C9ECF60C978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84860938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7">
            <a:extLst>
              <a:ext uri="{FF2B5EF4-FFF2-40B4-BE49-F238E27FC236}">
                <a16:creationId xmlns:a16="http://schemas.microsoft.com/office/drawing/2014/main" id="{E08865EA-2B72-20EC-C480-A3FDF137C557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17575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Arial" panose="020B0604020202020204" pitchFamily="34" charset="0"/>
                <a:ea typeface="ＭＳ Ｐ明朝" panose="02020600040205080304" pitchFamily="18" charset="-128"/>
              </a:defRPr>
            </a:lvl1pPr>
            <a:lvl2pPr marL="739775" indent="-282575" defTabSz="917575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Arial" panose="020B0604020202020204" pitchFamily="34" charset="0"/>
                <a:ea typeface="ＭＳ Ｐ明朝" panose="02020600040205080304" pitchFamily="18" charset="-128"/>
              </a:defRPr>
            </a:lvl2pPr>
            <a:lvl3pPr marL="1139825" indent="-225425" defTabSz="917575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Arial" panose="020B0604020202020204" pitchFamily="34" charset="0"/>
                <a:ea typeface="ＭＳ Ｐ明朝" panose="02020600040205080304" pitchFamily="18" charset="-128"/>
              </a:defRPr>
            </a:lvl3pPr>
            <a:lvl4pPr marL="1597025" indent="-225425" defTabSz="917575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Arial" panose="020B0604020202020204" pitchFamily="34" charset="0"/>
                <a:ea typeface="ＭＳ Ｐ明朝" panose="02020600040205080304" pitchFamily="18" charset="-128"/>
              </a:defRPr>
            </a:lvl4pPr>
            <a:lvl5pPr marL="2052638" indent="-225425" defTabSz="917575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Arial" panose="020B0604020202020204" pitchFamily="34" charset="0"/>
                <a:ea typeface="ＭＳ Ｐ明朝" panose="02020600040205080304" pitchFamily="18" charset="-128"/>
              </a:defRPr>
            </a:lvl5pPr>
            <a:lvl6pPr marL="2509838" indent="-225425" defTabSz="917575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Arial" panose="020B0604020202020204" pitchFamily="34" charset="0"/>
                <a:ea typeface="ＭＳ Ｐ明朝" panose="02020600040205080304" pitchFamily="18" charset="-128"/>
              </a:defRPr>
            </a:lvl6pPr>
            <a:lvl7pPr marL="2967038" indent="-225425" defTabSz="917575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Arial" panose="020B0604020202020204" pitchFamily="34" charset="0"/>
                <a:ea typeface="ＭＳ Ｐ明朝" panose="02020600040205080304" pitchFamily="18" charset="-128"/>
              </a:defRPr>
            </a:lvl7pPr>
            <a:lvl8pPr marL="3424238" indent="-225425" defTabSz="917575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Arial" panose="020B0604020202020204" pitchFamily="34" charset="0"/>
                <a:ea typeface="ＭＳ Ｐ明朝" panose="02020600040205080304" pitchFamily="18" charset="-128"/>
              </a:defRPr>
            </a:lvl8pPr>
            <a:lvl9pPr marL="3881438" indent="-225425" defTabSz="917575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Arial" panose="020B0604020202020204" pitchFamily="34" charset="0"/>
                <a:ea typeface="ＭＳ Ｐ明朝" panose="02020600040205080304" pitchFamily="18" charset="-128"/>
              </a:defRPr>
            </a:lvl9pPr>
          </a:lstStyle>
          <a:p>
            <a:pPr>
              <a:spcBef>
                <a:spcPct val="0"/>
              </a:spcBef>
            </a:pPr>
            <a:fld id="{B650ECCB-8265-4BF6-BCC0-FC5796FDFF26}" type="slidenum">
              <a:rPr lang="ja-JP" altLang="en-US" smtClean="0">
                <a:latin typeface="Times New Roman" panose="02020603050405020304" pitchFamily="18" charset="0"/>
                <a:ea typeface="ＭＳ Ｐゴシック" panose="020B0600070205080204" pitchFamily="50" charset="-128"/>
              </a:rPr>
              <a:pPr>
                <a:spcBef>
                  <a:spcPct val="0"/>
                </a:spcBef>
              </a:pPr>
              <a:t>4</a:t>
            </a:fld>
            <a:endParaRPr lang="en-US" altLang="ja-JP">
              <a:latin typeface="Times New Roman" panose="02020603050405020304" pitchFamily="18" charset="0"/>
              <a:ea typeface="ＭＳ Ｐゴシック" panose="020B0600070205080204" pitchFamily="50" charset="-128"/>
            </a:endParaRPr>
          </a:p>
        </p:txBody>
      </p:sp>
      <p:sp>
        <p:nvSpPr>
          <p:cNvPr id="27651" name="Rectangle 2">
            <a:extLst>
              <a:ext uri="{FF2B5EF4-FFF2-40B4-BE49-F238E27FC236}">
                <a16:creationId xmlns:a16="http://schemas.microsoft.com/office/drawing/2014/main" id="{02D38073-87BA-6003-5FE2-DA619616B71D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7763" y="1233488"/>
            <a:ext cx="4440237" cy="3328987"/>
          </a:xfrm>
          <a:ln/>
        </p:spPr>
      </p:sp>
      <p:sp>
        <p:nvSpPr>
          <p:cNvPr id="27652" name="Rectangle 3">
            <a:extLst>
              <a:ext uri="{FF2B5EF4-FFF2-40B4-BE49-F238E27FC236}">
                <a16:creationId xmlns:a16="http://schemas.microsoft.com/office/drawing/2014/main" id="{89B09403-4848-39BE-0D66-5C296D5C1A72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ja-JP" altLang="en-US">
              <a:latin typeface="Times New Roman" panose="02020603050405020304" pitchFamily="18" charset="0"/>
            </a:endParaRPr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スライド イメージ プレースホルダ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1371600" y="1143000"/>
            <a:ext cx="4114800" cy="3086100"/>
          </a:xfrm>
          <a:ln/>
        </p:spPr>
      </p:sp>
      <p:sp>
        <p:nvSpPr>
          <p:cNvPr id="36867" name="ノート プレースホルダ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ja-JP" altLang="en-US">
              <a:latin typeface="Times New Roman" pitchFamily="18" charset="0"/>
            </a:endParaRPr>
          </a:p>
        </p:txBody>
      </p:sp>
      <p:sp>
        <p:nvSpPr>
          <p:cNvPr id="36868" name="スライド番号プレースホルダ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1pPr>
            <a:lvl2pPr marL="741408" indent="-285033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2pPr>
            <a:lvl3pPr marL="1141735" indent="-227386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3pPr>
            <a:lvl4pPr marL="1599710" indent="-227386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4pPr>
            <a:lvl5pPr marL="2056084" indent="-227386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5pPr>
            <a:lvl6pPr marL="2517261" indent="-227386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6pPr>
            <a:lvl7pPr marL="2978439" indent="-227386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7pPr>
            <a:lvl8pPr marL="3439617" indent="-227386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8pPr>
            <a:lvl9pPr marL="3900794" indent="-227386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9pPr>
          </a:lstStyle>
          <a:p>
            <a:pPr defTabSz="922355" eaLnBrk="1" hangingPunct="1">
              <a:spcBef>
                <a:spcPct val="0"/>
              </a:spcBef>
            </a:pPr>
            <a:fld id="{34046843-ED5F-4FD2-AA9D-64EB96301488}" type="slidenum">
              <a:rPr lang="ja-JP" altLang="en-US" smtClean="0">
                <a:ea typeface="ＭＳ Ｐゴシック" pitchFamily="50" charset="-128"/>
              </a:rPr>
              <a:pPr defTabSz="922355" eaLnBrk="1" hangingPunct="1">
                <a:spcBef>
                  <a:spcPct val="0"/>
                </a:spcBef>
              </a:pPr>
              <a:t>27</a:t>
            </a:fld>
            <a:endParaRPr lang="ja-JP" altLang="en-US">
              <a:ea typeface="ＭＳ Ｐゴシック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52237848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スライド イメージ プレースホルダ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1371600" y="1143000"/>
            <a:ext cx="4114800" cy="3086100"/>
          </a:xfrm>
          <a:ln/>
        </p:spPr>
      </p:sp>
      <p:sp>
        <p:nvSpPr>
          <p:cNvPr id="36867" name="ノート プレースホルダ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ja-JP" altLang="en-US">
              <a:latin typeface="Times New Roman" pitchFamily="18" charset="0"/>
            </a:endParaRPr>
          </a:p>
        </p:txBody>
      </p:sp>
      <p:sp>
        <p:nvSpPr>
          <p:cNvPr id="36868" name="スライド番号プレースホルダ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1pPr>
            <a:lvl2pPr marL="741408" indent="-285033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2pPr>
            <a:lvl3pPr marL="1141735" indent="-227386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3pPr>
            <a:lvl4pPr marL="1599710" indent="-227386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4pPr>
            <a:lvl5pPr marL="2056084" indent="-227386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5pPr>
            <a:lvl6pPr marL="2517261" indent="-227386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6pPr>
            <a:lvl7pPr marL="2978439" indent="-227386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7pPr>
            <a:lvl8pPr marL="3439617" indent="-227386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8pPr>
            <a:lvl9pPr marL="3900794" indent="-227386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itchFamily="18" charset="0"/>
                <a:ea typeface="ＭＳ Ｐ明朝" pitchFamily="18" charset="-128"/>
              </a:defRPr>
            </a:lvl9pPr>
          </a:lstStyle>
          <a:p>
            <a:pPr defTabSz="922355" eaLnBrk="1" hangingPunct="1">
              <a:spcBef>
                <a:spcPct val="0"/>
              </a:spcBef>
            </a:pPr>
            <a:fld id="{34046843-ED5F-4FD2-AA9D-64EB96301488}" type="slidenum">
              <a:rPr lang="ja-JP" altLang="en-US" smtClean="0">
                <a:ea typeface="ＭＳ Ｐゴシック" pitchFamily="50" charset="-128"/>
              </a:rPr>
              <a:pPr defTabSz="922355" eaLnBrk="1" hangingPunct="1">
                <a:spcBef>
                  <a:spcPct val="0"/>
                </a:spcBef>
              </a:pPr>
              <a:t>28</a:t>
            </a:fld>
            <a:endParaRPr lang="ja-JP" altLang="en-US">
              <a:ea typeface="ＭＳ Ｐゴシック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531472330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346" name="スライド イメージ プレースホルダー 1">
            <a:extLst>
              <a:ext uri="{FF2B5EF4-FFF2-40B4-BE49-F238E27FC236}">
                <a16:creationId xmlns:a16="http://schemas.microsoft.com/office/drawing/2014/main" id="{6723A54D-DF94-9B78-C96F-24B87069FBA4}"/>
              </a:ext>
            </a:extLst>
          </p:cNvPr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57347" name="ノート プレースホルダー 2">
            <a:extLst>
              <a:ext uri="{FF2B5EF4-FFF2-40B4-BE49-F238E27FC236}">
                <a16:creationId xmlns:a16="http://schemas.microsoft.com/office/drawing/2014/main" id="{E3E9F0A2-67E8-16CD-A60F-0917A4630CD6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ja-JP" altLang="en-US">
              <a:latin typeface="Times New Roman" panose="02020603050405020304" pitchFamily="18" charset="0"/>
            </a:endParaRPr>
          </a:p>
        </p:txBody>
      </p:sp>
      <p:sp>
        <p:nvSpPr>
          <p:cNvPr id="57348" name="スライド番号プレースホルダー 3">
            <a:extLst>
              <a:ext uri="{FF2B5EF4-FFF2-40B4-BE49-F238E27FC236}">
                <a16:creationId xmlns:a16="http://schemas.microsoft.com/office/drawing/2014/main" id="{620D5AA8-0EF2-BBE9-BEC0-E310D7334B8A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algn="l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anose="02020603050405020304" pitchFamily="18" charset="0"/>
                <a:ea typeface="ＭＳ Ｐ明朝" panose="02020600040205080304" pitchFamily="18" charset="-128"/>
              </a:defRPr>
            </a:lvl1pPr>
            <a:lvl2pPr marL="742950" indent="-285750" algn="l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anose="02020603050405020304" pitchFamily="18" charset="0"/>
                <a:ea typeface="ＭＳ Ｐ明朝" panose="02020600040205080304" pitchFamily="18" charset="-128"/>
              </a:defRPr>
            </a:lvl2pPr>
            <a:lvl3pPr marL="1143000" indent="-228600" algn="l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anose="02020603050405020304" pitchFamily="18" charset="0"/>
                <a:ea typeface="ＭＳ Ｐ明朝" panose="02020600040205080304" pitchFamily="18" charset="-128"/>
              </a:defRPr>
            </a:lvl3pPr>
            <a:lvl4pPr marL="1600200" indent="-228600" algn="l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anose="02020603050405020304" pitchFamily="18" charset="0"/>
                <a:ea typeface="ＭＳ Ｐ明朝" panose="02020600040205080304" pitchFamily="18" charset="-128"/>
              </a:defRPr>
            </a:lvl4pPr>
            <a:lvl5pPr marL="2057400" indent="-228600" algn="l" eaLnBrk="0" hangingPunct="0">
              <a:spcBef>
                <a:spcPct val="30000"/>
              </a:spcBef>
              <a:defRPr kumimoji="1" sz="1200">
                <a:solidFill>
                  <a:schemeClr val="tx1"/>
                </a:solidFill>
                <a:latin typeface="Times New Roman" panose="02020603050405020304" pitchFamily="18" charset="0"/>
                <a:ea typeface="ＭＳ Ｐ明朝" panose="02020600040205080304" pitchFamily="18" charset="-128"/>
              </a:defRPr>
            </a:lvl5pPr>
            <a:lvl6pPr marL="2514600" indent="-228600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anose="02020603050405020304" pitchFamily="18" charset="0"/>
                <a:ea typeface="ＭＳ Ｐ明朝" panose="02020600040205080304" pitchFamily="18" charset="-128"/>
              </a:defRPr>
            </a:lvl6pPr>
            <a:lvl7pPr marL="2971800" indent="-228600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anose="02020603050405020304" pitchFamily="18" charset="0"/>
                <a:ea typeface="ＭＳ Ｐ明朝" panose="02020600040205080304" pitchFamily="18" charset="-128"/>
              </a:defRPr>
            </a:lvl7pPr>
            <a:lvl8pPr marL="3429000" indent="-228600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anose="02020603050405020304" pitchFamily="18" charset="0"/>
                <a:ea typeface="ＭＳ Ｐ明朝" panose="02020600040205080304" pitchFamily="18" charset="-128"/>
              </a:defRPr>
            </a:lvl8pPr>
            <a:lvl9pPr marL="3886200" indent="-228600" eaLnBrk="0" fontAlgn="base" hangingPunct="0">
              <a:spcBef>
                <a:spcPct val="30000"/>
              </a:spcBef>
              <a:spcAft>
                <a:spcPct val="0"/>
              </a:spcAft>
              <a:defRPr kumimoji="1" sz="1200">
                <a:solidFill>
                  <a:schemeClr val="tx1"/>
                </a:solidFill>
                <a:latin typeface="Times New Roman" panose="02020603050405020304" pitchFamily="18" charset="0"/>
                <a:ea typeface="ＭＳ Ｐ明朝" panose="02020600040205080304" pitchFamily="18" charset="-128"/>
              </a:defRPr>
            </a:lvl9pPr>
          </a:lstStyle>
          <a:p>
            <a:pPr algn="r" eaLnBrk="1" hangingPunct="1">
              <a:spcBef>
                <a:spcPct val="0"/>
              </a:spcBef>
            </a:pPr>
            <a:fld id="{00B4EB62-1F9C-4544-868B-1D3C5D5A199B}" type="slidenum">
              <a:rPr lang="en-US" altLang="ja-JP">
                <a:latin typeface="Arial" panose="020B0604020202020204" pitchFamily="34" charset="0"/>
                <a:ea typeface="ＭＳ Ｐゴシック" panose="020B0600070205080204" pitchFamily="50" charset="-128"/>
              </a:rPr>
              <a:pPr algn="r" eaLnBrk="1" hangingPunct="1">
                <a:spcBef>
                  <a:spcPct val="0"/>
                </a:spcBef>
              </a:pPr>
              <a:t>49</a:t>
            </a:fld>
            <a:endParaRPr lang="en-US" altLang="ja-JP">
              <a:latin typeface="Arial" panose="020B0604020202020204" pitchFamily="34" charset="0"/>
              <a:ea typeface="ＭＳ Ｐゴシック" panose="020B0600070205080204" pitchFamily="50" charset="-128"/>
            </a:endParaRPr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ja-JP" altLang="en-US"/>
              <a:t>マスター サブタイトルの書式設定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20700A4-4C4C-41E0-A065-C8B7C8718ECF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52666023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0C527C7-8207-4E5A-AE64-BC298C4285E0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329407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BC78AB2-32A0-4553-B3FA-59491F12F771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96437503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7C5C5B5-C2B6-4761-B842-C8A0D115D103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6160950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B26F960-865E-4C03-B733-409BB25CA206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69617688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9267D55-D44E-4AE8-8270-89DB97E669DA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85386125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EEA62EF-9F29-47B7-89ED-17344B0F66FA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75479430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276E3D3-FDC1-4770-850C-F194E8A84182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67991863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1E7206E-045A-4F9A-A01E-6E586698E4C7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9415882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F8D5EE-15E0-42FE-B499-C06E608B1A84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15091698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ja-JP" altLang="en-US"/>
              <a:t>アイコンをクリックして図を追加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96FFC68-2DF4-4DF7-A43A-874AE0AB8602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9393568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3A9CFEB-0357-4B82-A419-5641C82372E8}" type="datetime1">
              <a:rPr kumimoji="1" lang="ja-JP" altLang="en-US" smtClean="0"/>
              <a:t>2024/1/9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6545E97-F017-4993-8E0F-1F0B98A93716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354010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3" r:id="rId1"/>
    <p:sldLayoutId id="2147483664" r:id="rId2"/>
    <p:sldLayoutId id="2147483665" r:id="rId3"/>
    <p:sldLayoutId id="2147483666" r:id="rId4"/>
    <p:sldLayoutId id="2147483667" r:id="rId5"/>
    <p:sldLayoutId id="2147483668" r:id="rId6"/>
    <p:sldLayoutId id="2147483669" r:id="rId7"/>
    <p:sldLayoutId id="2147483670" r:id="rId8"/>
    <p:sldLayoutId id="2147483671" r:id="rId9"/>
    <p:sldLayoutId id="2147483672" r:id="rId10"/>
    <p:sldLayoutId id="2147483673" r:id="rId1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16.png"/><Relationship Id="rId4" Type="http://schemas.openxmlformats.org/officeDocument/2006/relationships/image" Target="../media/image15.pn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22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30.png"/><Relationship Id="rId4" Type="http://schemas.openxmlformats.org/officeDocument/2006/relationships/image" Target="../media/image29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jpeg"/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34.jpeg"/><Relationship Id="rId4" Type="http://schemas.openxmlformats.org/officeDocument/2006/relationships/image" Target="../media/image33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jpeg"/><Relationship Id="rId2" Type="http://schemas.openxmlformats.org/officeDocument/2006/relationships/image" Target="../media/image35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37.jpe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jpeg"/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2.jpeg"/><Relationship Id="rId5" Type="http://schemas.openxmlformats.org/officeDocument/2006/relationships/image" Target="../media/image41.jpeg"/><Relationship Id="rId4" Type="http://schemas.openxmlformats.org/officeDocument/2006/relationships/image" Target="../media/image40.jpeg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emf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jpg"/><Relationship Id="rId2" Type="http://schemas.openxmlformats.org/officeDocument/2006/relationships/image" Target="../media/image45.jpe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48.jpeg"/><Relationship Id="rId4" Type="http://schemas.openxmlformats.org/officeDocument/2006/relationships/image" Target="../media/image47.jpe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image" Target="../media/image49.jpe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1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image" Target="../media/image53.jpe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jpeg"/><Relationship Id="rId2" Type="http://schemas.openxmlformats.org/officeDocument/2006/relationships/image" Target="../media/image55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7.jpe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eg"/><Relationship Id="rId2" Type="http://schemas.openxmlformats.org/officeDocument/2006/relationships/image" Target="../media/image58.jpeg"/><Relationship Id="rId1" Type="http://schemas.openxmlformats.org/officeDocument/2006/relationships/slideLayout" Target="../slideLayouts/slideLayout7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jpeg"/><Relationship Id="rId2" Type="http://schemas.openxmlformats.org/officeDocument/2006/relationships/image" Target="../media/image59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63.jpeg"/><Relationship Id="rId5" Type="http://schemas.openxmlformats.org/officeDocument/2006/relationships/chart" Target="../charts/chart1.xml"/><Relationship Id="rId4" Type="http://schemas.openxmlformats.org/officeDocument/2006/relationships/image" Target="../media/image61.jpeg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png"/><Relationship Id="rId2" Type="http://schemas.openxmlformats.org/officeDocument/2006/relationships/image" Target="../media/image64.png"/><Relationship Id="rId1" Type="http://schemas.openxmlformats.org/officeDocument/2006/relationships/slideLayout" Target="../slideLayouts/slideLayout7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7.png"/><Relationship Id="rId1" Type="http://schemas.openxmlformats.org/officeDocument/2006/relationships/slideLayout" Target="../slideLayouts/slideLayout7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8.png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png"/><Relationship Id="rId5" Type="http://schemas.openxmlformats.org/officeDocument/2006/relationships/image" Target="../media/image3.png"/><Relationship Id="rId4" Type="http://schemas.openxmlformats.org/officeDocument/2006/relationships/image" Target="../media/image2.jpeg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emf"/><Relationship Id="rId2" Type="http://schemas.openxmlformats.org/officeDocument/2006/relationships/image" Target="../media/image69.emf"/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2.jpeg"/><Relationship Id="rId2" Type="http://schemas.openxmlformats.org/officeDocument/2006/relationships/image" Target="../media/image71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73.jpeg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5.png"/><Relationship Id="rId2" Type="http://schemas.openxmlformats.org/officeDocument/2006/relationships/image" Target="../media/image74.png"/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2.jpeg"/><Relationship Id="rId3" Type="http://schemas.openxmlformats.org/officeDocument/2006/relationships/image" Target="../media/image77.jpeg"/><Relationship Id="rId7" Type="http://schemas.openxmlformats.org/officeDocument/2006/relationships/image" Target="../media/image81.jpeg"/><Relationship Id="rId2" Type="http://schemas.openxmlformats.org/officeDocument/2006/relationships/image" Target="../media/image76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0.jpeg"/><Relationship Id="rId5" Type="http://schemas.openxmlformats.org/officeDocument/2006/relationships/image" Target="../media/image79.jpeg"/><Relationship Id="rId4" Type="http://schemas.openxmlformats.org/officeDocument/2006/relationships/image" Target="../media/image78.jpeg"/><Relationship Id="rId9" Type="http://schemas.openxmlformats.org/officeDocument/2006/relationships/image" Target="../media/image83.jpe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5.jpeg"/><Relationship Id="rId7" Type="http://schemas.openxmlformats.org/officeDocument/2006/relationships/image" Target="../media/image89.jpeg"/><Relationship Id="rId2" Type="http://schemas.openxmlformats.org/officeDocument/2006/relationships/image" Target="../media/image84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8.jpeg"/><Relationship Id="rId5" Type="http://schemas.openxmlformats.org/officeDocument/2006/relationships/image" Target="../media/image87.jpeg"/><Relationship Id="rId4" Type="http://schemas.openxmlformats.org/officeDocument/2006/relationships/image" Target="../media/image86.jpeg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1.jpeg"/><Relationship Id="rId2" Type="http://schemas.openxmlformats.org/officeDocument/2006/relationships/image" Target="../media/image90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2.pn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94.png"/><Relationship Id="rId2" Type="http://schemas.openxmlformats.org/officeDocument/2006/relationships/image" Target="../media/image93.png"/><Relationship Id="rId1" Type="http://schemas.openxmlformats.org/officeDocument/2006/relationships/slideLayout" Target="../slideLayouts/slideLayout7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6.jpeg"/><Relationship Id="rId2" Type="http://schemas.openxmlformats.org/officeDocument/2006/relationships/image" Target="../media/image95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97.jpeg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9.png"/><Relationship Id="rId2" Type="http://schemas.openxmlformats.org/officeDocument/2006/relationships/image" Target="../media/image98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01.png"/><Relationship Id="rId4" Type="http://schemas.openxmlformats.org/officeDocument/2006/relationships/image" Target="../media/image100.png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3.png"/><Relationship Id="rId2" Type="http://schemas.openxmlformats.org/officeDocument/2006/relationships/image" Target="../media/image102.png"/><Relationship Id="rId1" Type="http://schemas.openxmlformats.org/officeDocument/2006/relationships/slideLayout" Target="../slideLayouts/slideLayout7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7" Type="http://schemas.openxmlformats.org/officeDocument/2006/relationships/image" Target="../media/image104.png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5.png"/><Relationship Id="rId1" Type="http://schemas.openxmlformats.org/officeDocument/2006/relationships/slideLayout" Target="../slideLayouts/slideLayout7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9" name="Text Box 5">
            <a:extLst>
              <a:ext uri="{FF2B5EF4-FFF2-40B4-BE49-F238E27FC236}">
                <a16:creationId xmlns:a16="http://schemas.microsoft.com/office/drawing/2014/main" id="{35C882C9-0FF4-ABA5-FB0B-43417D9A8E1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38200" y="4709160"/>
            <a:ext cx="7879080" cy="138499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1350" b="1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　　　</a:t>
            </a:r>
            <a:r>
              <a:rPr lang="ja-JP" altLang="en-US" sz="2800" b="1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植野インフラマネジメントオフィス　代表</a:t>
            </a:r>
            <a:endParaRPr lang="en-US" altLang="ja-JP" sz="2800" b="1" dirty="0">
              <a:latin typeface="ＭＳ ゴシック" panose="020B0609070205080204" pitchFamily="49" charset="-128"/>
              <a:ea typeface="ＭＳ ゴシック" panose="020B0609070205080204" pitchFamily="49" charset="-128"/>
            </a:endParaRPr>
          </a:p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800" b="1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　　　　　　　　　　（富山市　政策参与）　　　　　　</a:t>
            </a:r>
            <a:endParaRPr lang="en-US" altLang="ja-JP" sz="2800" b="1" dirty="0">
              <a:latin typeface="ＭＳ ゴシック" panose="020B0609070205080204" pitchFamily="49" charset="-128"/>
              <a:ea typeface="ＭＳ ゴシック" panose="020B0609070205080204" pitchFamily="49" charset="-128"/>
            </a:endParaRPr>
          </a:p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800" b="1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　　　　　　　　　　　　　　植野　芳彦　</a:t>
            </a:r>
            <a:endParaRPr lang="ja-JP" altLang="en-US" sz="2800" b="1" dirty="0">
              <a:solidFill>
                <a:srgbClr val="000000"/>
              </a:solidFill>
              <a:latin typeface="ＭＳ ゴシック" panose="020B0609070205080204" pitchFamily="49" charset="-128"/>
              <a:ea typeface="ＭＳ ゴシック" panose="020B0609070205080204" pitchFamily="49" charset="-128"/>
            </a:endParaRPr>
          </a:p>
        </p:txBody>
      </p:sp>
      <p:sp>
        <p:nvSpPr>
          <p:cNvPr id="4100" name="テキスト ボックス 1">
            <a:extLst>
              <a:ext uri="{FF2B5EF4-FFF2-40B4-BE49-F238E27FC236}">
                <a16:creationId xmlns:a16="http://schemas.microsoft.com/office/drawing/2014/main" id="{9B9A8C65-54AC-55C9-76E5-843269FC650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32460" y="1339141"/>
            <a:ext cx="7879080" cy="158504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1800" b="1" kern="0" dirty="0">
                <a:ea typeface="游ゴシック" panose="020B0400000000000000" pitchFamily="50" charset="-128"/>
                <a:cs typeface="MS PGothic" panose="020B0600070205080204" pitchFamily="50" charset="-128"/>
              </a:rPr>
              <a:t>２０１４．０１．２３　　こうきょうセミナー</a:t>
            </a:r>
            <a:endParaRPr lang="en-US" altLang="ja-JP" sz="1800" b="1" kern="0" dirty="0">
              <a:ea typeface="游ゴシック" panose="020B0400000000000000" pitchFamily="50" charset="-128"/>
              <a:cs typeface="MS PGothic" panose="020B060007020508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4000" b="1" kern="0" dirty="0">
                <a:ea typeface="メイリオ" panose="020B0604030504040204" pitchFamily="50" charset="-128"/>
                <a:cs typeface="ＭＳ Ｐゴシック" panose="020B0600070205080204" pitchFamily="50" charset="-128"/>
              </a:rPr>
              <a:t>インフラメンテナンス市場の攻略</a:t>
            </a:r>
            <a:endParaRPr lang="en-US" altLang="ja-JP" sz="4000" b="1" kern="0" dirty="0">
              <a:ea typeface="メイリオ" panose="020B0604030504040204" pitchFamily="50" charset="-128"/>
              <a:cs typeface="ＭＳ Ｐゴシック" panose="020B060007020508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 b="1" kern="0" dirty="0">
                <a:ea typeface="メイリオ" panose="020B0604030504040204" pitchFamily="50" charset="-128"/>
                <a:cs typeface="ＭＳ Ｐゴシック" panose="020B0600070205080204" pitchFamily="50" charset="-128"/>
              </a:rPr>
              <a:t>第</a:t>
            </a:r>
            <a:r>
              <a:rPr lang="en-US" altLang="ja-JP" sz="2400" b="1" kern="0" dirty="0">
                <a:ea typeface="メイリオ" panose="020B0604030504040204" pitchFamily="50" charset="-128"/>
                <a:cs typeface="ＭＳ Ｐゴシック" panose="020B0600070205080204" pitchFamily="50" charset="-128"/>
              </a:rPr>
              <a:t>2</a:t>
            </a:r>
            <a:r>
              <a:rPr lang="ja-JP" altLang="en-US" sz="2400" b="1" kern="0" dirty="0">
                <a:ea typeface="メイリオ" panose="020B0604030504040204" pitchFamily="50" charset="-128"/>
                <a:cs typeface="ＭＳ Ｐゴシック" panose="020B0600070205080204" pitchFamily="50" charset="-128"/>
              </a:rPr>
              <a:t>フェーズ突入　進まない</a:t>
            </a:r>
            <a:r>
              <a:rPr lang="ja-JP" altLang="ja-JP" sz="2400" b="1" kern="0" dirty="0">
                <a:ea typeface="メイリオ" panose="020B0604030504040204" pitchFamily="50" charset="-128"/>
                <a:cs typeface="ＭＳ Ｐゴシック" panose="020B0600070205080204" pitchFamily="50" charset="-128"/>
              </a:rPr>
              <a:t>インフラ</a:t>
            </a:r>
            <a:r>
              <a:rPr lang="ja-JP" altLang="en-US" sz="2400" b="1" kern="0" dirty="0">
                <a:ea typeface="メイリオ" panose="020B0604030504040204" pitchFamily="50" charset="-128"/>
                <a:cs typeface="ＭＳ Ｐゴシック" panose="020B0600070205080204" pitchFamily="50" charset="-128"/>
              </a:rPr>
              <a:t>老朽化対策</a:t>
            </a:r>
            <a:endParaRPr lang="en-US" altLang="ja-JP" sz="2400" b="1" kern="0" dirty="0">
              <a:ea typeface="メイリオ" panose="020B0604030504040204" pitchFamily="50" charset="-128"/>
              <a:cs typeface="ＭＳ Ｐゴシック" panose="020B0600070205080204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endParaRPr lang="ja-JP" altLang="en-US" sz="1500" b="1" dirty="0"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459585590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7106" name="Picture 2" descr="http://pds2.exblog.jp/pds/1/201212/03/14/e0171614_10195137.jpg">
            <a:extLst>
              <a:ext uri="{FF2B5EF4-FFF2-40B4-BE49-F238E27FC236}">
                <a16:creationId xmlns:a16="http://schemas.microsoft.com/office/drawing/2014/main" id="{73296A70-2CC3-8308-785F-35F21BF0F88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4108" y="1675033"/>
            <a:ext cx="5833835" cy="442261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7107" name="スライド番号プレースホルダー 1">
            <a:extLst>
              <a:ext uri="{FF2B5EF4-FFF2-40B4-BE49-F238E27FC236}">
                <a16:creationId xmlns:a16="http://schemas.microsoft.com/office/drawing/2014/main" id="{88D483CF-96E3-1D92-96BF-20FCFA38103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557213" indent="-214313">
              <a:spcBef>
                <a:spcPct val="20000"/>
              </a:spcBef>
              <a:buFont typeface="Arial" panose="020B0604020202020204" pitchFamily="34" charset="0"/>
              <a:buChar char="–"/>
              <a:defRPr kumimoji="1" sz="21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857250" indent="-171450">
              <a:spcBef>
                <a:spcPct val="20000"/>
              </a:spcBef>
              <a:buFont typeface="Arial" panose="020B0604020202020204" pitchFamily="34" charset="0"/>
              <a:buChar char="•"/>
              <a:defRPr kumimoji="1" sz="1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200150" indent="-171450">
              <a:spcBef>
                <a:spcPct val="20000"/>
              </a:spcBef>
              <a:buFont typeface="Arial" panose="020B0604020202020204" pitchFamily="34" charset="0"/>
              <a:buChar char="–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1543050" indent="-171450">
              <a:spcBef>
                <a:spcPct val="20000"/>
              </a:spcBef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18859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2288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25717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29146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524D6086-4216-46E6-9993-AC744036D821}" type="slidenum">
              <a:rPr kumimoji="0" lang="ja-JP" altLang="en-US" sz="1050">
                <a:latin typeface="Tahoma" panose="020B0604030504040204" pitchFamily="34" charset="0"/>
              </a:rPr>
              <a:pPr>
                <a:spcBef>
                  <a:spcPct val="0"/>
                </a:spcBef>
                <a:buFontTx/>
                <a:buNone/>
              </a:pPr>
              <a:t>10</a:t>
            </a:fld>
            <a:endParaRPr kumimoji="0" lang="ja-JP" altLang="en-US" sz="1050">
              <a:latin typeface="Tahoma" panose="020B0604030504040204" pitchFamily="34" charset="0"/>
            </a:endParaRPr>
          </a:p>
        </p:txBody>
      </p:sp>
      <p:sp>
        <p:nvSpPr>
          <p:cNvPr id="7" name="Rectangle 2">
            <a:extLst>
              <a:ext uri="{FF2B5EF4-FFF2-40B4-BE49-F238E27FC236}">
                <a16:creationId xmlns:a16="http://schemas.microsoft.com/office/drawing/2014/main" id="{F251A27F-A19C-A67B-E04E-948A86AD11D3}"/>
              </a:ext>
            </a:extLst>
          </p:cNvPr>
          <p:cNvSpPr txBox="1">
            <a:spLocks noChangeArrowheads="1"/>
          </p:cNvSpPr>
          <p:nvPr/>
        </p:nvSpPr>
        <p:spPr>
          <a:xfrm>
            <a:off x="1108473" y="854869"/>
            <a:ext cx="6858001" cy="622697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/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kumimoji="1"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kumimoji="1" sz="4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kumimoji="1" sz="4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kumimoji="1" sz="4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kumimoji="1" sz="4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kumimoji="1" sz="4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kumimoji="1" sz="4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kumimoji="1" sz="4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kumimoji="1" sz="4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9pPr>
          </a:lstStyle>
          <a:p>
            <a:pPr eaLnBrk="1" hangingPunct="1">
              <a:defRPr/>
            </a:pPr>
            <a:r>
              <a:rPr lang="en-US" altLang="ja-JP" sz="27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</a:t>
            </a:r>
            <a:r>
              <a:rPr lang="ja-JP" altLang="en-US" sz="27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１年前の笹子トンネル事故</a:t>
            </a:r>
          </a:p>
        </p:txBody>
      </p:sp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FFA8C8A6-5281-756A-6528-C5FEEC7BF21D}"/>
              </a:ext>
            </a:extLst>
          </p:cNvPr>
          <p:cNvSpPr txBox="1"/>
          <p:nvPr/>
        </p:nvSpPr>
        <p:spPr>
          <a:xfrm>
            <a:off x="6327058" y="2062171"/>
            <a:ext cx="2877711" cy="332398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100" dirty="0"/>
              <a:t>「老朽化による」</a:t>
            </a:r>
            <a:endParaRPr lang="en-US" altLang="ja-JP" sz="2100" dirty="0"/>
          </a:p>
          <a:p>
            <a:r>
              <a:rPr lang="ja-JP" altLang="en-US" sz="2100" dirty="0"/>
              <a:t>と言われてますが</a:t>
            </a:r>
            <a:endParaRPr lang="en-US" altLang="ja-JP" sz="2100" dirty="0"/>
          </a:p>
          <a:p>
            <a:r>
              <a:rPr lang="ja-JP" altLang="en-US" sz="2100" dirty="0"/>
              <a:t>本当なんでしょうか？</a:t>
            </a:r>
            <a:endParaRPr lang="en-US" altLang="ja-JP" sz="2100" dirty="0"/>
          </a:p>
          <a:p>
            <a:endParaRPr lang="en-US" altLang="ja-JP" sz="2100" dirty="0"/>
          </a:p>
          <a:p>
            <a:r>
              <a:rPr lang="ja-JP" altLang="en-US" sz="2100" dirty="0"/>
              <a:t>設計思想がおかし</a:t>
            </a:r>
            <a:endParaRPr lang="en-US" altLang="ja-JP" sz="2100" dirty="0"/>
          </a:p>
          <a:p>
            <a:r>
              <a:rPr lang="ja-JP" altLang="en-US" sz="2100" dirty="0"/>
              <a:t>かったのではあり</a:t>
            </a:r>
            <a:endParaRPr lang="en-US" altLang="ja-JP" sz="2100" dirty="0"/>
          </a:p>
          <a:p>
            <a:r>
              <a:rPr lang="ja-JP" altLang="en-US" sz="2100" dirty="0"/>
              <a:t>ませんか？</a:t>
            </a:r>
            <a:endParaRPr lang="en-US" altLang="ja-JP" sz="2100" dirty="0"/>
          </a:p>
          <a:p>
            <a:endParaRPr lang="en-US" altLang="ja-JP" sz="2100" dirty="0"/>
          </a:p>
          <a:p>
            <a:r>
              <a:rPr lang="ja-JP" altLang="en-US" sz="2100" dirty="0"/>
              <a:t>真摯な反省がないと、</a:t>
            </a:r>
            <a:endParaRPr lang="en-US" altLang="ja-JP" sz="2100" dirty="0"/>
          </a:p>
          <a:p>
            <a:r>
              <a:rPr lang="ja-JP" altLang="en-US" sz="2100" dirty="0"/>
              <a:t>また繰り返します。</a:t>
            </a: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22" name="図 1">
            <a:extLst>
              <a:ext uri="{FF2B5EF4-FFF2-40B4-BE49-F238E27FC236}">
                <a16:creationId xmlns:a16="http://schemas.microsoft.com/office/drawing/2014/main" id="{7B4F7C68-FE5B-C68C-1F97-38D9F29E07E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39804" y="2349103"/>
            <a:ext cx="3942159" cy="3443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1923" name="図 2">
            <a:extLst>
              <a:ext uri="{FF2B5EF4-FFF2-40B4-BE49-F238E27FC236}">
                <a16:creationId xmlns:a16="http://schemas.microsoft.com/office/drawing/2014/main" id="{F618BC96-C055-DF68-BAEA-D457BAE3B23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60860" y="998935"/>
            <a:ext cx="3086100" cy="3514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1924" name="テキスト ボックス 1">
            <a:extLst>
              <a:ext uri="{FF2B5EF4-FFF2-40B4-BE49-F238E27FC236}">
                <a16:creationId xmlns:a16="http://schemas.microsoft.com/office/drawing/2014/main" id="{68B23F1C-1416-786A-F926-554417D2FAE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1" y="998935"/>
            <a:ext cx="4075155" cy="138499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笹子トンネル事故</a:t>
            </a:r>
            <a:endParaRPr lang="en-US" altLang="ja-JP" sz="21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en-US" altLang="ja-JP" sz="21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老朽化と言われていたが、やっと、</a:t>
            </a:r>
            <a:endParaRPr lang="en-US" altLang="ja-JP" sz="21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本当の原因が言われだした。</a:t>
            </a:r>
          </a:p>
        </p:txBody>
      </p:sp>
      <p:sp>
        <p:nvSpPr>
          <p:cNvPr id="81925" name="テキスト ボックス 2">
            <a:extLst>
              <a:ext uri="{FF2B5EF4-FFF2-40B4-BE49-F238E27FC236}">
                <a16:creationId xmlns:a16="http://schemas.microsoft.com/office/drawing/2014/main" id="{E4E413F7-5D9C-54AE-7EFC-C5E6AEBCD8F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062038" y="4795243"/>
            <a:ext cx="2941831" cy="10618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計画、設計（思想の）ミス</a:t>
            </a:r>
            <a:endParaRPr lang="en-US" altLang="ja-JP" sz="21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こういう、構造物が多数</a:t>
            </a:r>
            <a:endParaRPr lang="en-US" altLang="ja-JP" sz="21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設計者の資質の問題</a:t>
            </a:r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2946" name="図 1">
            <a:extLst>
              <a:ext uri="{FF2B5EF4-FFF2-40B4-BE49-F238E27FC236}">
                <a16:creationId xmlns:a16="http://schemas.microsoft.com/office/drawing/2014/main" id="{1018B76F-0C3C-3123-5F00-B7E4067473B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3001" y="859633"/>
            <a:ext cx="3699272" cy="241220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947" name="Picture 4">
            <a:extLst>
              <a:ext uri="{FF2B5EF4-FFF2-40B4-BE49-F238E27FC236}">
                <a16:creationId xmlns:a16="http://schemas.microsoft.com/office/drawing/2014/main" id="{5FD4E1BF-22D0-E912-FEC2-05F6B95D6A1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65785" y="3158730"/>
            <a:ext cx="5429250" cy="30503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2948" name="テキスト ボックス 5">
            <a:extLst>
              <a:ext uri="{FF2B5EF4-FFF2-40B4-BE49-F238E27FC236}">
                <a16:creationId xmlns:a16="http://schemas.microsoft.com/office/drawing/2014/main" id="{3A0815E7-555D-97D9-D6BA-D8635CC79F7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112544" y="1160860"/>
            <a:ext cx="2782491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1800">
                <a:solidFill>
                  <a:srgbClr val="2E3136"/>
                </a:solidFill>
                <a:latin typeface="ヒラギノ角ゴ Pro W3"/>
              </a:rPr>
              <a:t>令和３年</a:t>
            </a:r>
            <a:r>
              <a:rPr lang="en-US" altLang="ja-JP" sz="1800">
                <a:solidFill>
                  <a:srgbClr val="2E3136"/>
                </a:solidFill>
                <a:latin typeface="ヒラギノ角ゴ Pro W3"/>
              </a:rPr>
              <a:t>10 </a:t>
            </a:r>
            <a:r>
              <a:rPr lang="ja-JP" altLang="en-US" sz="1800">
                <a:solidFill>
                  <a:srgbClr val="2E3136"/>
                </a:solidFill>
                <a:latin typeface="ヒラギノ角ゴ Pro W3"/>
              </a:rPr>
              <a:t>月３日　発生</a:t>
            </a:r>
            <a:endParaRPr lang="en-US" altLang="ja-JP" sz="1800">
              <a:solidFill>
                <a:srgbClr val="2E3136"/>
              </a:solidFill>
              <a:latin typeface="ヒラギノ角ゴ Pro W3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1800">
                <a:solidFill>
                  <a:srgbClr val="2E3136"/>
                </a:solidFill>
                <a:latin typeface="ヒラギノ角ゴ Pro W3"/>
              </a:rPr>
              <a:t>和歌山水管橋　崩落事故</a:t>
            </a:r>
            <a:endParaRPr lang="ja-JP" altLang="en-US" sz="1800">
              <a:latin typeface="Arial" panose="020B0604020202020204" pitchFamily="34" charset="0"/>
            </a:endParaRPr>
          </a:p>
        </p:txBody>
      </p:sp>
      <p:sp>
        <p:nvSpPr>
          <p:cNvPr id="82949" name="テキスト ボックス 1">
            <a:extLst>
              <a:ext uri="{FF2B5EF4-FFF2-40B4-BE49-F238E27FC236}">
                <a16:creationId xmlns:a16="http://schemas.microsoft.com/office/drawing/2014/main" id="{1DEE4CE4-BA5D-3D06-CDAF-9113816E797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180410" y="1813323"/>
            <a:ext cx="3469219" cy="10618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点検不備</a:t>
            </a:r>
            <a:endParaRPr lang="en-US" altLang="ja-JP" sz="21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水道点検者は、管は見るが、</a:t>
            </a:r>
            <a:endParaRPr lang="en-US" altLang="ja-JP" sz="21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橋梁は、見てない？</a:t>
            </a:r>
          </a:p>
        </p:txBody>
      </p:sp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FB67F807-C8F9-BEF1-AE96-34A33D684567}"/>
              </a:ext>
            </a:extLst>
          </p:cNvPr>
          <p:cNvSpPr txBox="1"/>
          <p:nvPr/>
        </p:nvSpPr>
        <p:spPr>
          <a:xfrm>
            <a:off x="387145" y="3965473"/>
            <a:ext cx="1510350" cy="5078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350" dirty="0"/>
              <a:t>実は破断が</a:t>
            </a:r>
            <a:r>
              <a:rPr lang="en-US" altLang="ja-JP" sz="1350" dirty="0" err="1"/>
              <a:t>Googl</a:t>
            </a:r>
            <a:endParaRPr lang="en-US" altLang="ja-JP" sz="1350" dirty="0"/>
          </a:p>
          <a:p>
            <a:r>
              <a:rPr lang="ja-JP" altLang="en-US" sz="1350" dirty="0"/>
              <a:t>で見れていた。</a:t>
            </a:r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スライド番号プレースホルダー 1">
            <a:extLst>
              <a:ext uri="{FF2B5EF4-FFF2-40B4-BE49-F238E27FC236}">
                <a16:creationId xmlns:a16="http://schemas.microsoft.com/office/drawing/2014/main" id="{3D828E6F-034B-6C27-39F4-703AA45E652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557213" indent="-214313">
              <a:spcBef>
                <a:spcPct val="20000"/>
              </a:spcBef>
              <a:buFont typeface="Arial" panose="020B0604020202020204" pitchFamily="34" charset="0"/>
              <a:buChar char="–"/>
              <a:defRPr kumimoji="1" sz="21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857250" indent="-171450">
              <a:spcBef>
                <a:spcPct val="20000"/>
              </a:spcBef>
              <a:buFont typeface="Arial" panose="020B0604020202020204" pitchFamily="34" charset="0"/>
              <a:buChar char="•"/>
              <a:defRPr kumimoji="1" sz="1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200150" indent="-171450">
              <a:spcBef>
                <a:spcPct val="20000"/>
              </a:spcBef>
              <a:buFont typeface="Arial" panose="020B0604020202020204" pitchFamily="34" charset="0"/>
              <a:buChar char="–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1543050" indent="-171450">
              <a:spcBef>
                <a:spcPct val="20000"/>
              </a:spcBef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18859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2288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25717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29146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44A91957-6CFC-4983-BE45-C808937612AB}" type="slidenum">
              <a:rPr kumimoji="0" lang="ja-JP" altLang="en-US" sz="1050">
                <a:latin typeface="Tahoma" panose="020B0604030504040204" pitchFamily="34" charset="0"/>
              </a:rPr>
              <a:pPr>
                <a:spcBef>
                  <a:spcPct val="0"/>
                </a:spcBef>
                <a:buFontTx/>
                <a:buNone/>
              </a:pPr>
              <a:t>13</a:t>
            </a:fld>
            <a:endParaRPr kumimoji="0" lang="ja-JP" altLang="en-US" sz="1050">
              <a:latin typeface="Tahoma" panose="020B0604030504040204" pitchFamily="34" charset="0"/>
            </a:endParaRPr>
          </a:p>
        </p:txBody>
      </p:sp>
      <p:pic>
        <p:nvPicPr>
          <p:cNvPr id="9219" name="Picture 2" descr="阪神高速道路の橋脚の被災">
            <a:extLst>
              <a:ext uri="{FF2B5EF4-FFF2-40B4-BE49-F238E27FC236}">
                <a16:creationId xmlns:a16="http://schemas.microsoft.com/office/drawing/2014/main" id="{B50F744C-270A-3380-34A4-E461249B3B3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02531" y="1215630"/>
            <a:ext cx="3315891" cy="23217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20" name="Picture 6" descr="http://geot.civil.ues.tmu.ac.jp/archives/eq/95kobe/m/132.jpg">
            <a:extLst>
              <a:ext uri="{FF2B5EF4-FFF2-40B4-BE49-F238E27FC236}">
                <a16:creationId xmlns:a16="http://schemas.microsoft.com/office/drawing/2014/main" id="{C5889138-E21B-3E34-B01A-A906AFB8D6B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39841" y="1215630"/>
            <a:ext cx="3537347" cy="23872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221" name="テキスト ボックス 5">
            <a:extLst>
              <a:ext uri="{FF2B5EF4-FFF2-40B4-BE49-F238E27FC236}">
                <a16:creationId xmlns:a16="http://schemas.microsoft.com/office/drawing/2014/main" id="{9D4B5F52-5F77-EFD9-88C7-66603D4E11C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202533" y="838201"/>
            <a:ext cx="6804422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1800" b="1">
                <a:latin typeface="Tahoma" panose="020B0604030504040204" pitchFamily="34" charset="0"/>
              </a:rPr>
              <a:t>「地震による被害」（日本）　上段：阪神大震災　下段：熊本地震</a:t>
            </a:r>
            <a:endParaRPr lang="en-US" altLang="ja-JP" sz="1800" b="1">
              <a:latin typeface="Tahoma" panose="020B0604030504040204" pitchFamily="34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endParaRPr lang="en-US" altLang="ja-JP" sz="1800">
              <a:latin typeface="Tahoma" panose="020B0604030504040204" pitchFamily="34" charset="0"/>
            </a:endParaRPr>
          </a:p>
        </p:txBody>
      </p:sp>
      <p:pic>
        <p:nvPicPr>
          <p:cNvPr id="9222" name="Picture 7">
            <a:extLst>
              <a:ext uri="{FF2B5EF4-FFF2-40B4-BE49-F238E27FC236}">
                <a16:creationId xmlns:a16="http://schemas.microsoft.com/office/drawing/2014/main" id="{824EBC5F-F940-C6AA-B870-8584EF5CE75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0620" y="3590925"/>
            <a:ext cx="3217069" cy="2409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23" name="Picture 8">
            <a:extLst>
              <a:ext uri="{FF2B5EF4-FFF2-40B4-BE49-F238E27FC236}">
                <a16:creationId xmlns:a16="http://schemas.microsoft.com/office/drawing/2014/main" id="{300772BD-F9F7-9B78-A2C9-E44345291A7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14825" y="3602833"/>
            <a:ext cx="3662363" cy="21931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スライド番号プレースホルダー 1">
            <a:extLst>
              <a:ext uri="{FF2B5EF4-FFF2-40B4-BE49-F238E27FC236}">
                <a16:creationId xmlns:a16="http://schemas.microsoft.com/office/drawing/2014/main" id="{E51199D9-0436-1885-16F3-3570C0B41C44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557213" indent="-214313">
              <a:spcBef>
                <a:spcPct val="20000"/>
              </a:spcBef>
              <a:buFont typeface="Arial" panose="020B0604020202020204" pitchFamily="34" charset="0"/>
              <a:buChar char="–"/>
              <a:defRPr kumimoji="1" sz="21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857250" indent="-171450">
              <a:spcBef>
                <a:spcPct val="20000"/>
              </a:spcBef>
              <a:buFont typeface="Arial" panose="020B0604020202020204" pitchFamily="34" charset="0"/>
              <a:buChar char="•"/>
              <a:defRPr kumimoji="1" sz="1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200150" indent="-171450">
              <a:spcBef>
                <a:spcPct val="20000"/>
              </a:spcBef>
              <a:buFont typeface="Arial" panose="020B0604020202020204" pitchFamily="34" charset="0"/>
              <a:buChar char="–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1543050" indent="-171450">
              <a:spcBef>
                <a:spcPct val="20000"/>
              </a:spcBef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18859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2288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25717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29146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C06C82C3-D684-45AF-914F-A4DFB75142DD}" type="slidenum">
              <a:rPr lang="en-US" altLang="ja-JP" sz="900">
                <a:solidFill>
                  <a:srgbClr val="898989"/>
                </a:solidFill>
                <a:latin typeface="Arial" panose="020B0604020202020204" pitchFamily="34" charset="0"/>
              </a:rPr>
              <a:pPr>
                <a:spcBef>
                  <a:spcPct val="0"/>
                </a:spcBef>
                <a:buFontTx/>
                <a:buNone/>
              </a:pPr>
              <a:t>14</a:t>
            </a:fld>
            <a:endParaRPr lang="en-US" altLang="ja-JP" sz="9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  <p:pic>
        <p:nvPicPr>
          <p:cNvPr id="14339" name="Picture 2" descr="C:\Users\PC-User\Desktop\kougiken.files\52kaze_3.jpg">
            <a:extLst>
              <a:ext uri="{FF2B5EF4-FFF2-40B4-BE49-F238E27FC236}">
                <a16:creationId xmlns:a16="http://schemas.microsoft.com/office/drawing/2014/main" id="{8A3DD9FE-DBC6-248F-2C4C-69A20D13F6B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91841" y="1322785"/>
            <a:ext cx="6399609" cy="42660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340" name="テキスト ボックス 2">
            <a:extLst>
              <a:ext uri="{FF2B5EF4-FFF2-40B4-BE49-F238E27FC236}">
                <a16:creationId xmlns:a16="http://schemas.microsoft.com/office/drawing/2014/main" id="{4E9C4E28-E4E2-6B52-4645-247F0FAD960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533058" y="941785"/>
            <a:ext cx="761747" cy="7848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4500">
                <a:latin typeface="Arial" panose="020B0604020202020204" pitchFamily="34" charset="0"/>
              </a:rPr>
              <a:t>風</a:t>
            </a:r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スライド番号プレースホルダー 1">
            <a:extLst>
              <a:ext uri="{FF2B5EF4-FFF2-40B4-BE49-F238E27FC236}">
                <a16:creationId xmlns:a16="http://schemas.microsoft.com/office/drawing/2014/main" id="{E0CE8333-5164-B2F7-C5CF-74F4C5E5DDB3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557213" indent="-214313">
              <a:spcBef>
                <a:spcPct val="20000"/>
              </a:spcBef>
              <a:buFont typeface="Arial" panose="020B0604020202020204" pitchFamily="34" charset="0"/>
              <a:buChar char="–"/>
              <a:defRPr kumimoji="1" sz="21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857250" indent="-171450">
              <a:spcBef>
                <a:spcPct val="20000"/>
              </a:spcBef>
              <a:buFont typeface="Arial" panose="020B0604020202020204" pitchFamily="34" charset="0"/>
              <a:buChar char="•"/>
              <a:defRPr kumimoji="1" sz="1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200150" indent="-171450">
              <a:spcBef>
                <a:spcPct val="20000"/>
              </a:spcBef>
              <a:buFont typeface="Arial" panose="020B0604020202020204" pitchFamily="34" charset="0"/>
              <a:buChar char="–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1543050" indent="-171450">
              <a:spcBef>
                <a:spcPct val="20000"/>
              </a:spcBef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18859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2288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25717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29146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EB179B23-2578-49CE-B0E3-E945F850254F}" type="slidenum">
              <a:rPr lang="en-US" altLang="ja-JP" sz="900">
                <a:solidFill>
                  <a:srgbClr val="898989"/>
                </a:solidFill>
                <a:latin typeface="Arial" panose="020B0604020202020204" pitchFamily="34" charset="0"/>
              </a:rPr>
              <a:pPr>
                <a:spcBef>
                  <a:spcPct val="0"/>
                </a:spcBef>
                <a:buFontTx/>
                <a:buNone/>
              </a:pPr>
              <a:t>15</a:t>
            </a:fld>
            <a:endParaRPr lang="en-US" altLang="ja-JP" sz="9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  <p:pic>
        <p:nvPicPr>
          <p:cNvPr id="16387" name="Picture 2" descr="http://inoues.net/club8/arasiyama2014295.JPG">
            <a:extLst>
              <a:ext uri="{FF2B5EF4-FFF2-40B4-BE49-F238E27FC236}">
                <a16:creationId xmlns:a16="http://schemas.microsoft.com/office/drawing/2014/main" id="{78966322-B9EF-2D35-2FA0-839DBF53959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3001" y="879872"/>
            <a:ext cx="3607594" cy="2400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88" name="Picture 3">
            <a:extLst>
              <a:ext uri="{FF2B5EF4-FFF2-40B4-BE49-F238E27FC236}">
                <a16:creationId xmlns:a16="http://schemas.microsoft.com/office/drawing/2014/main" id="{56DD68AE-DD34-EF11-911A-586C918753A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48151" y="3408761"/>
            <a:ext cx="3750469" cy="25503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389" name="テキスト ボックス 2">
            <a:extLst>
              <a:ext uri="{FF2B5EF4-FFF2-40B4-BE49-F238E27FC236}">
                <a16:creationId xmlns:a16="http://schemas.microsoft.com/office/drawing/2014/main" id="{B45CBF73-79BA-E712-BCC8-D4950F2226A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785385" y="1052514"/>
            <a:ext cx="3236785" cy="14311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4500">
                <a:latin typeface="Arial" panose="020B0604020202020204" pitchFamily="34" charset="0"/>
              </a:rPr>
              <a:t>水　　害</a:t>
            </a:r>
            <a:endParaRPr lang="en-US" altLang="ja-JP" sz="4500">
              <a:latin typeface="Arial" panose="020B0604020202020204" pitchFamily="34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1800">
                <a:latin typeface="Arial" panose="020B0604020202020204" pitchFamily="34" charset="0"/>
              </a:rPr>
              <a:t>近年雨の降り方が変わってきた</a:t>
            </a:r>
            <a:endParaRPr lang="en-US" altLang="ja-JP" sz="1800">
              <a:latin typeface="Arial" panose="020B0604020202020204" pitchFamily="34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endParaRPr lang="en-US" altLang="ja-JP" sz="2400">
              <a:latin typeface="Arial" panose="020B0604020202020204" pitchFamily="34" charset="0"/>
            </a:endParaRPr>
          </a:p>
        </p:txBody>
      </p:sp>
      <p:sp>
        <p:nvSpPr>
          <p:cNvPr id="3" name="四角形吹き出し 2">
            <a:extLst>
              <a:ext uri="{FF2B5EF4-FFF2-40B4-BE49-F238E27FC236}">
                <a16:creationId xmlns:a16="http://schemas.microsoft.com/office/drawing/2014/main" id="{69C22A28-62E4-3F52-5849-F53ED0C1FCA4}"/>
              </a:ext>
            </a:extLst>
          </p:cNvPr>
          <p:cNvSpPr/>
          <p:nvPr/>
        </p:nvSpPr>
        <p:spPr>
          <a:xfrm>
            <a:off x="1812131" y="3699273"/>
            <a:ext cx="1733550" cy="1188244"/>
          </a:xfrm>
          <a:prstGeom prst="wedgeRectCallout">
            <a:avLst>
              <a:gd name="adj1" fmla="val 163734"/>
              <a:gd name="adj2" fmla="val 40407"/>
            </a:avLst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1500" dirty="0">
                <a:solidFill>
                  <a:schemeClr val="tx1"/>
                </a:solidFill>
              </a:rPr>
              <a:t>橋脚の局所洗掘による桁の落地込み</a:t>
            </a:r>
          </a:p>
        </p:txBody>
      </p:sp>
      <p:sp>
        <p:nvSpPr>
          <p:cNvPr id="7" name="四角形吹き出し 6">
            <a:extLst>
              <a:ext uri="{FF2B5EF4-FFF2-40B4-BE49-F238E27FC236}">
                <a16:creationId xmlns:a16="http://schemas.microsoft.com/office/drawing/2014/main" id="{1B29B78D-1D62-B37C-7FA8-CC591B124AC4}"/>
              </a:ext>
            </a:extLst>
          </p:cNvPr>
          <p:cNvSpPr/>
          <p:nvPr/>
        </p:nvSpPr>
        <p:spPr>
          <a:xfrm>
            <a:off x="5057775" y="2322911"/>
            <a:ext cx="1733550" cy="916781"/>
          </a:xfrm>
          <a:prstGeom prst="wedgeRectCallout">
            <a:avLst>
              <a:gd name="adj1" fmla="val -91313"/>
              <a:gd name="adj2" fmla="val -16700"/>
            </a:avLst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1500" dirty="0">
                <a:solidFill>
                  <a:schemeClr val="tx1"/>
                </a:solidFill>
              </a:rPr>
              <a:t>水害を受ける</a:t>
            </a:r>
            <a:endParaRPr lang="en-US" altLang="ja-JP" sz="1500" dirty="0">
              <a:solidFill>
                <a:schemeClr val="tx1"/>
              </a:solidFill>
            </a:endParaRPr>
          </a:p>
          <a:p>
            <a:pPr algn="ctr" eaLnBrk="1" hangingPunct="1">
              <a:defRPr/>
            </a:pPr>
            <a:r>
              <a:rPr lang="ja-JP" altLang="en-US" sz="1500" dirty="0">
                <a:solidFill>
                  <a:schemeClr val="tx1"/>
                </a:solidFill>
              </a:rPr>
              <a:t>渡月橋</a:t>
            </a:r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スライド番号プレースホルダー 1">
            <a:extLst>
              <a:ext uri="{FF2B5EF4-FFF2-40B4-BE49-F238E27FC236}">
                <a16:creationId xmlns:a16="http://schemas.microsoft.com/office/drawing/2014/main" id="{62D68BFA-E2EF-1E6F-0367-68332E8D36CD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557213" indent="-214313">
              <a:spcBef>
                <a:spcPct val="20000"/>
              </a:spcBef>
              <a:buFont typeface="Arial" panose="020B0604020202020204" pitchFamily="34" charset="0"/>
              <a:buChar char="–"/>
              <a:defRPr kumimoji="1" sz="21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857250" indent="-171450">
              <a:spcBef>
                <a:spcPct val="20000"/>
              </a:spcBef>
              <a:buFont typeface="Arial" panose="020B0604020202020204" pitchFamily="34" charset="0"/>
              <a:buChar char="•"/>
              <a:defRPr kumimoji="1" sz="1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200150" indent="-171450">
              <a:spcBef>
                <a:spcPct val="20000"/>
              </a:spcBef>
              <a:buFont typeface="Arial" panose="020B0604020202020204" pitchFamily="34" charset="0"/>
              <a:buChar char="–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1543050" indent="-171450">
              <a:spcBef>
                <a:spcPct val="20000"/>
              </a:spcBef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18859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2288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25717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2914650" indent="-17145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15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41DBF848-9BE9-496D-A8A7-AF31567CC5B7}" type="slidenum">
              <a:rPr lang="en-US" altLang="ja-JP" sz="900">
                <a:solidFill>
                  <a:srgbClr val="898989"/>
                </a:solidFill>
                <a:latin typeface="Arial" panose="020B0604020202020204" pitchFamily="34" charset="0"/>
              </a:rPr>
              <a:pPr>
                <a:spcBef>
                  <a:spcPct val="0"/>
                </a:spcBef>
                <a:buFontTx/>
                <a:buNone/>
              </a:pPr>
              <a:t>16</a:t>
            </a:fld>
            <a:endParaRPr lang="en-US" altLang="ja-JP" sz="9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  <p:pic>
        <p:nvPicPr>
          <p:cNvPr id="17411" name="Picture 2">
            <a:extLst>
              <a:ext uri="{FF2B5EF4-FFF2-40B4-BE49-F238E27FC236}">
                <a16:creationId xmlns:a16="http://schemas.microsoft.com/office/drawing/2014/main" id="{3F532CA3-B3CF-C3A5-D855-FEABFA5C2B0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19189" y="896542"/>
            <a:ext cx="3850481" cy="233600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7412" name="テキスト ボックス 2">
            <a:extLst>
              <a:ext uri="{FF2B5EF4-FFF2-40B4-BE49-F238E27FC236}">
                <a16:creationId xmlns:a16="http://schemas.microsoft.com/office/drawing/2014/main" id="{53173757-0DF9-D7B6-4D73-E2382D84668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56472" y="1160860"/>
            <a:ext cx="1338829" cy="7848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4500">
                <a:latin typeface="Arial" panose="020B0604020202020204" pitchFamily="34" charset="0"/>
              </a:rPr>
              <a:t>津波</a:t>
            </a:r>
          </a:p>
        </p:txBody>
      </p:sp>
      <p:pic>
        <p:nvPicPr>
          <p:cNvPr id="17413" name="Picture 6" descr="http://www.nikkeibp.co.jp/article/column/20110518/270372/so01_500.jpg">
            <a:extLst>
              <a:ext uri="{FF2B5EF4-FFF2-40B4-BE49-F238E27FC236}">
                <a16:creationId xmlns:a16="http://schemas.microsoft.com/office/drawing/2014/main" id="{F70AD5CE-A13D-AF34-BBE5-47BDA20E1A7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29125" y="865586"/>
            <a:ext cx="3571875" cy="267890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四角形吹き出し 7">
            <a:extLst>
              <a:ext uri="{FF2B5EF4-FFF2-40B4-BE49-F238E27FC236}">
                <a16:creationId xmlns:a16="http://schemas.microsoft.com/office/drawing/2014/main" id="{626E55DC-1628-EFF8-3792-CBDDCDFBCE2B}"/>
              </a:ext>
            </a:extLst>
          </p:cNvPr>
          <p:cNvSpPr/>
          <p:nvPr/>
        </p:nvSpPr>
        <p:spPr>
          <a:xfrm>
            <a:off x="4787505" y="2564606"/>
            <a:ext cx="1620440" cy="810816"/>
          </a:xfrm>
          <a:prstGeom prst="wedgeRectCallout">
            <a:avLst>
              <a:gd name="adj1" fmla="val 13894"/>
              <a:gd name="adj2" fmla="val -76470"/>
            </a:avLst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1350" b="1" dirty="0"/>
              <a:t>東日本大震災</a:t>
            </a:r>
            <a:endParaRPr lang="en-US" altLang="ja-JP" sz="1350" b="1" dirty="0"/>
          </a:p>
          <a:p>
            <a:pPr algn="ctr" eaLnBrk="1" hangingPunct="1">
              <a:defRPr/>
            </a:pPr>
            <a:r>
              <a:rPr lang="ja-JP" altLang="en-US" sz="1350" b="1" dirty="0"/>
              <a:t>津波で残った橋梁</a:t>
            </a:r>
          </a:p>
        </p:txBody>
      </p:sp>
      <p:pic>
        <p:nvPicPr>
          <p:cNvPr id="17415" name="Picture 9">
            <a:extLst>
              <a:ext uri="{FF2B5EF4-FFF2-40B4-BE49-F238E27FC236}">
                <a16:creationId xmlns:a16="http://schemas.microsoft.com/office/drawing/2014/main" id="{0E9ABBFE-F75C-7FF3-6D1C-F4E52038699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3000" y="3914775"/>
            <a:ext cx="6706791" cy="1924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482" name="Picture 2">
            <a:extLst>
              <a:ext uri="{FF2B5EF4-FFF2-40B4-BE49-F238E27FC236}">
                <a16:creationId xmlns:a16="http://schemas.microsoft.com/office/drawing/2014/main" id="{F2611C87-A195-F548-9E41-13143603816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20379" y="857250"/>
            <a:ext cx="3443288" cy="5181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483" name="Picture 2" descr="35-w_response_pic">
            <a:extLst>
              <a:ext uri="{FF2B5EF4-FFF2-40B4-BE49-F238E27FC236}">
                <a16:creationId xmlns:a16="http://schemas.microsoft.com/office/drawing/2014/main" id="{A19A01BC-A694-668C-E417-69BB0CFE058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88670" y="840581"/>
            <a:ext cx="3412331" cy="25729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484" name="テキスト ボックス 1">
            <a:extLst>
              <a:ext uri="{FF2B5EF4-FFF2-40B4-BE49-F238E27FC236}">
                <a16:creationId xmlns:a16="http://schemas.microsoft.com/office/drawing/2014/main" id="{37FD4A09-D07A-E88E-A976-54BCDA45403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818933" y="3644504"/>
            <a:ext cx="2864888" cy="14773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1800">
                <a:latin typeface="Arial" panose="020B0604020202020204" pitchFamily="34" charset="0"/>
              </a:rPr>
              <a:t>荒廃するアメリカ</a:t>
            </a:r>
            <a:endParaRPr lang="en-US" altLang="ja-JP" sz="1800">
              <a:latin typeface="Arial" panose="020B0604020202020204" pitchFamily="34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endParaRPr lang="en-US" altLang="ja-JP" sz="1800">
              <a:latin typeface="Arial" panose="020B0604020202020204" pitchFamily="34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1800">
                <a:latin typeface="Arial" panose="020B0604020202020204" pitchFamily="34" charset="0"/>
              </a:rPr>
              <a:t>１９７０～１９８０年代</a:t>
            </a:r>
            <a:endParaRPr lang="en-US" altLang="ja-JP" sz="1800">
              <a:latin typeface="Arial" panose="020B0604020202020204" pitchFamily="34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endParaRPr lang="en-US" altLang="ja-JP" sz="1800">
              <a:latin typeface="Arial" panose="020B0604020202020204" pitchFamily="34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1800">
                <a:latin typeface="Arial" panose="020B0604020202020204" pitchFamily="34" charset="0"/>
              </a:rPr>
              <a:t>　　　　　　　➣現在の日本に</a:t>
            </a:r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ectangle 8"/>
          <p:cNvSpPr>
            <a:spLocks noChangeArrowheads="1"/>
          </p:cNvSpPr>
          <p:nvPr/>
        </p:nvSpPr>
        <p:spPr bwMode="auto">
          <a:xfrm>
            <a:off x="170370" y="154107"/>
            <a:ext cx="7921625" cy="43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/>
            <a:endParaRPr lang="ja-JP" altLang="en-US" sz="2000" dirty="0">
              <a:solidFill>
                <a:srgbClr val="000000"/>
              </a:solidFill>
              <a:ea typeface="HGPｺﾞｼｯｸE" pitchFamily="50" charset="-128"/>
            </a:endParaRPr>
          </a:p>
        </p:txBody>
      </p:sp>
      <p:pic>
        <p:nvPicPr>
          <p:cNvPr id="8205" name="Picture 13" descr="\\toyama-city.local\17建設部\1708建設政策\s2\課共有２\01_画像等\03,計画係\橋梁\瓶岩橋\通行止\IMG_8803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932" y="4436381"/>
            <a:ext cx="2920167" cy="18577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1" name="Rectangle 8"/>
          <p:cNvSpPr>
            <a:spLocks noChangeArrowheads="1"/>
          </p:cNvSpPr>
          <p:nvPr/>
        </p:nvSpPr>
        <p:spPr bwMode="auto">
          <a:xfrm>
            <a:off x="179388" y="360000"/>
            <a:ext cx="7921625" cy="43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/>
            <a:endParaRPr lang="ja-JP" altLang="en-US" dirty="0">
              <a:solidFill>
                <a:srgbClr val="000000"/>
              </a:solidFill>
              <a:ea typeface="HGPｺﾞｼｯｸE" pitchFamily="50" charset="-128"/>
            </a:endParaRPr>
          </a:p>
          <a:p>
            <a:pPr eaLnBrk="1" hangingPunct="1"/>
            <a:endParaRPr lang="ja-JP" altLang="en-US" dirty="0">
              <a:solidFill>
                <a:srgbClr val="000000"/>
              </a:solidFill>
              <a:ea typeface="HGPｺﾞｼｯｸE" pitchFamily="50" charset="-128"/>
            </a:endParaRPr>
          </a:p>
        </p:txBody>
      </p:sp>
      <p:sp>
        <p:nvSpPr>
          <p:cNvPr id="4" name="正方形/長方形 3"/>
          <p:cNvSpPr/>
          <p:nvPr/>
        </p:nvSpPr>
        <p:spPr>
          <a:xfrm>
            <a:off x="15528" y="3267"/>
            <a:ext cx="7102416" cy="107721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ja-JP" altLang="en-US" sz="3200" dirty="0">
                <a:latin typeface="+mn-ea"/>
              </a:rPr>
              <a:t>管理者の責任リスク</a:t>
            </a:r>
            <a:endParaRPr lang="en-US" altLang="ja-JP" sz="3200" dirty="0">
              <a:latin typeface="+mn-ea"/>
            </a:endParaRPr>
          </a:p>
          <a:p>
            <a:r>
              <a:rPr lang="ja-JP" altLang="en-US" sz="3200" dirty="0">
                <a:latin typeface="+mn-ea"/>
              </a:rPr>
              <a:t>　　　　　　（安全・安心の確保）</a:t>
            </a:r>
            <a:endParaRPr lang="ja-JP" altLang="en-US" sz="32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  <p:pic>
        <p:nvPicPr>
          <p:cNvPr id="34" name="Picture 19" descr="http://blog-imgs-64.fc2.com/t/a/b/tabikappa/Yamabuki-Brg288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370" y="1080485"/>
            <a:ext cx="2917931" cy="20774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テキスト ボックス 1"/>
          <p:cNvSpPr txBox="1"/>
          <p:nvPr/>
        </p:nvSpPr>
        <p:spPr>
          <a:xfrm>
            <a:off x="3275856" y="1094205"/>
            <a:ext cx="5868144" cy="63709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400" dirty="0"/>
              <a:t>安全の確保のため、構造物本体、周辺の条件を調査し</a:t>
            </a:r>
            <a:r>
              <a:rPr kumimoji="1" lang="ja-JP" altLang="en-US" sz="2400" dirty="0"/>
              <a:t>実施。</a:t>
            </a:r>
            <a:endParaRPr kumimoji="1" lang="en-US" altLang="ja-JP" sz="2400" dirty="0"/>
          </a:p>
          <a:p>
            <a:r>
              <a:rPr kumimoji="1" lang="ja-JP" altLang="en-US" sz="2400" dirty="0"/>
              <a:t>・管理者責任として重要な決断</a:t>
            </a:r>
            <a:endParaRPr kumimoji="1" lang="en-US" altLang="ja-JP" sz="2400" dirty="0"/>
          </a:p>
          <a:p>
            <a:r>
              <a:rPr lang="ja-JP" altLang="en-US" sz="2400" dirty="0"/>
              <a:t>・補修で済むのか？更新か？撤去か？</a:t>
            </a:r>
            <a:endParaRPr lang="en-US" altLang="ja-JP" sz="2400" dirty="0"/>
          </a:p>
          <a:p>
            <a:r>
              <a:rPr lang="ja-JP" altLang="en-US" sz="2400" dirty="0">
                <a:solidFill>
                  <a:srgbClr val="FF0000"/>
                </a:solidFill>
              </a:rPr>
              <a:t>・方針が決まるまでは監視（ﾓﾆﾀﾘﾝｸﾞ）</a:t>
            </a:r>
            <a:endParaRPr lang="en-US" altLang="ja-JP" sz="2400" dirty="0">
              <a:solidFill>
                <a:srgbClr val="FF0000"/>
              </a:solidFill>
            </a:endParaRPr>
          </a:p>
          <a:p>
            <a:endParaRPr lang="en-US" altLang="ja-JP" sz="2400" dirty="0"/>
          </a:p>
          <a:p>
            <a:r>
              <a:rPr lang="en-US" altLang="ja-JP" sz="2400" dirty="0"/>
              <a:t>【</a:t>
            </a:r>
            <a:r>
              <a:rPr lang="ja-JP" altLang="en-US" sz="2400" dirty="0"/>
              <a:t>課題</a:t>
            </a:r>
            <a:r>
              <a:rPr lang="en-US" altLang="ja-JP" sz="2400" dirty="0"/>
              <a:t>】</a:t>
            </a:r>
          </a:p>
          <a:p>
            <a:r>
              <a:rPr kumimoji="1" lang="ja-JP" altLang="en-US" sz="2400" dirty="0"/>
              <a:t>住民の感情が最大の問題</a:t>
            </a:r>
            <a:endParaRPr kumimoji="1" lang="en-US" altLang="ja-JP" sz="2400" dirty="0"/>
          </a:p>
          <a:p>
            <a:r>
              <a:rPr lang="ja-JP" altLang="en-US" sz="2400" dirty="0"/>
              <a:t>　今、あるものは、使えて当たり前</a:t>
            </a:r>
            <a:endParaRPr lang="en-US" altLang="ja-JP" sz="2400" dirty="0"/>
          </a:p>
          <a:p>
            <a:r>
              <a:rPr lang="ja-JP" altLang="en-US" sz="2400" dirty="0"/>
              <a:t>　</a:t>
            </a:r>
            <a:endParaRPr lang="en-US" altLang="ja-JP" sz="2400" dirty="0"/>
          </a:p>
          <a:p>
            <a:r>
              <a:rPr lang="ja-JP" altLang="en-US" sz="2400" dirty="0"/>
              <a:t>⇒果たして其れがいつまで可能なのか？</a:t>
            </a:r>
            <a:endParaRPr lang="en-US" altLang="ja-JP" sz="2400" dirty="0"/>
          </a:p>
          <a:p>
            <a:r>
              <a:rPr kumimoji="1" lang="ja-JP" altLang="en-US" sz="2400" dirty="0"/>
              <a:t>　橋を持続させるか、市を持続するの</a:t>
            </a:r>
            <a:endParaRPr kumimoji="1" lang="en-US" altLang="ja-JP" sz="2400" dirty="0"/>
          </a:p>
          <a:p>
            <a:r>
              <a:rPr lang="ja-JP" altLang="en-US" sz="2400" dirty="0"/>
              <a:t>　</a:t>
            </a:r>
            <a:r>
              <a:rPr kumimoji="1" lang="ja-JP" altLang="en-US" sz="2400" dirty="0"/>
              <a:t>か？</a:t>
            </a:r>
            <a:endParaRPr kumimoji="1" lang="en-US" altLang="ja-JP" sz="2400" dirty="0"/>
          </a:p>
          <a:p>
            <a:r>
              <a:rPr lang="ja-JP" altLang="en-US" sz="2400" dirty="0"/>
              <a:t>　究極の選択！</a:t>
            </a:r>
            <a:endParaRPr kumimoji="1" lang="en-US" altLang="ja-JP" sz="2400" dirty="0"/>
          </a:p>
          <a:p>
            <a:r>
              <a:rPr lang="ja-JP" altLang="en-US" sz="2400" dirty="0">
                <a:latin typeface="+mn-ea"/>
              </a:rPr>
              <a:t>⇒</a:t>
            </a:r>
            <a:r>
              <a:rPr lang="ja-JP" altLang="en-US" sz="24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決断の必要性　悪者になる覚悟</a:t>
            </a:r>
            <a:endParaRPr lang="en-US" altLang="ja-JP" sz="24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endParaRPr lang="en-US" altLang="ja-JP" sz="2400" dirty="0"/>
          </a:p>
          <a:p>
            <a:endParaRPr kumimoji="1" lang="ja-JP" altLang="en-US" sz="2400" dirty="0"/>
          </a:p>
        </p:txBody>
      </p:sp>
    </p:spTree>
    <p:extLst>
      <p:ext uri="{BB962C8B-B14F-4D97-AF65-F5344CB8AC3E}">
        <p14:creationId xmlns:p14="http://schemas.microsoft.com/office/powerpoint/2010/main" val="89100275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955286" y="575334"/>
            <a:ext cx="6956497" cy="405222"/>
          </a:xfrm>
        </p:spPr>
        <p:txBody>
          <a:bodyPr>
            <a:normAutofit fontScale="90000"/>
          </a:bodyPr>
          <a:lstStyle/>
          <a:p>
            <a:r>
              <a:rPr lang="ja-JP" altLang="en-US" sz="2700" b="1" dirty="0"/>
              <a:t>現在の一番の不安</a:t>
            </a:r>
            <a:br>
              <a:rPr lang="en-US" altLang="ja-JP" sz="2700" b="1" dirty="0"/>
            </a:br>
            <a:r>
              <a:rPr lang="ja-JP" altLang="en-US" sz="2200" b="1" dirty="0"/>
              <a:t>高速道路上のオーバーブリッジ　　　　</a:t>
            </a:r>
            <a:br>
              <a:rPr lang="en-US" altLang="ja-JP" sz="2200" b="1" dirty="0"/>
            </a:br>
            <a:r>
              <a:rPr lang="ja-JP" altLang="en-US" sz="2200" b="1" dirty="0"/>
              <a:t>⇒実は当時の設計ミスでは？（設計時の鉄筋量の不足は確認している）</a:t>
            </a:r>
          </a:p>
        </p:txBody>
      </p:sp>
      <p:pic>
        <p:nvPicPr>
          <p:cNvPr id="5" name="図 4">
            <a:extLst>
              <a:ext uri="{FF2B5EF4-FFF2-40B4-BE49-F238E27FC236}">
                <a16:creationId xmlns:a16="http://schemas.microsoft.com/office/drawing/2014/main" id="{DE9D6DCA-0D6D-981C-E293-BD89EF97BDD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06586" y="1531933"/>
            <a:ext cx="4128065" cy="1813262"/>
          </a:xfrm>
          <a:prstGeom prst="rect">
            <a:avLst/>
          </a:prstGeom>
        </p:spPr>
      </p:pic>
      <p:pic>
        <p:nvPicPr>
          <p:cNvPr id="6" name="図 5">
            <a:extLst>
              <a:ext uri="{FF2B5EF4-FFF2-40B4-BE49-F238E27FC236}">
                <a16:creationId xmlns:a16="http://schemas.microsoft.com/office/drawing/2014/main" id="{DB8AD7BC-E147-6C26-AD0A-0C307EEA806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609351" y="1531932"/>
            <a:ext cx="4120346" cy="1813261"/>
          </a:xfrm>
          <a:prstGeom prst="rect">
            <a:avLst/>
          </a:prstGeom>
        </p:spPr>
      </p:pic>
      <p:pic>
        <p:nvPicPr>
          <p:cNvPr id="7" name="図 6">
            <a:extLst>
              <a:ext uri="{FF2B5EF4-FFF2-40B4-BE49-F238E27FC236}">
                <a16:creationId xmlns:a16="http://schemas.microsoft.com/office/drawing/2014/main" id="{EE6E90E0-5CEA-8EFA-DFE3-20656016C984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77522" y="3512806"/>
            <a:ext cx="4174928" cy="2364637"/>
          </a:xfrm>
          <a:prstGeom prst="rect">
            <a:avLst/>
          </a:prstGeom>
        </p:spPr>
      </p:pic>
      <p:pic>
        <p:nvPicPr>
          <p:cNvPr id="8" name="図 7">
            <a:extLst>
              <a:ext uri="{FF2B5EF4-FFF2-40B4-BE49-F238E27FC236}">
                <a16:creationId xmlns:a16="http://schemas.microsoft.com/office/drawing/2014/main" id="{E4403871-D065-7BAF-5EF6-530F478648AB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609351" y="3512806"/>
            <a:ext cx="4144658" cy="236463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9964164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F652D511-F8C6-862D-A92D-38D88A04069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50E13FB-DCAF-430E-9FD5-74CCF70954EF}" type="slidenum">
              <a:rPr lang="en-US" altLang="ja-JP" smtClean="0">
                <a:solidFill>
                  <a:srgbClr val="000000"/>
                </a:solidFill>
              </a:rPr>
              <a:pPr/>
              <a:t>2</a:t>
            </a:fld>
            <a:endParaRPr lang="en-US" altLang="ja-JP">
              <a:solidFill>
                <a:srgbClr val="000000"/>
              </a:solidFill>
            </a:endParaRP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26B6B0B8-DE1A-4B7C-AAC8-E0AB6A360189}"/>
              </a:ext>
            </a:extLst>
          </p:cNvPr>
          <p:cNvSpPr txBox="1"/>
          <p:nvPr/>
        </p:nvSpPr>
        <p:spPr>
          <a:xfrm>
            <a:off x="852652" y="1833595"/>
            <a:ext cx="7879080" cy="355481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ja-JP" sz="3300" dirty="0">
                <a:latin typeface="UD デジタル 教科書体 N-B" panose="02020700000000000000" pitchFamily="17" charset="-128"/>
                <a:ea typeface="UD デジタル 教科書体 N-B" panose="02020700000000000000" pitchFamily="17" charset="-128"/>
              </a:rPr>
              <a:t>2</a:t>
            </a:r>
            <a:r>
              <a:rPr lang="ja-JP" altLang="en-US" sz="3300" dirty="0">
                <a:latin typeface="UD デジタル 教科書体 N-B" panose="02020700000000000000" pitchFamily="17" charset="-128"/>
                <a:ea typeface="UD デジタル 教科書体 N-B" panose="02020700000000000000" pitchFamily="17" charset="-128"/>
              </a:rPr>
              <a:t>巡目終了。第</a:t>
            </a:r>
            <a:r>
              <a:rPr lang="en-US" altLang="ja-JP" sz="3300" dirty="0">
                <a:latin typeface="UD デジタル 教科書体 N-B" panose="02020700000000000000" pitchFamily="17" charset="-128"/>
                <a:ea typeface="UD デジタル 教科書体 N-B" panose="02020700000000000000" pitchFamily="17" charset="-128"/>
              </a:rPr>
              <a:t>2</a:t>
            </a:r>
            <a:r>
              <a:rPr lang="ja-JP" altLang="en-US" sz="3300" dirty="0">
                <a:latin typeface="UD デジタル 教科書体 N-B" panose="02020700000000000000" pitchFamily="17" charset="-128"/>
                <a:ea typeface="UD デジタル 教科書体 N-B" panose="02020700000000000000" pitchFamily="17" charset="-128"/>
              </a:rPr>
              <a:t>フェーズへ・・・・</a:t>
            </a:r>
            <a:endParaRPr lang="en-US" altLang="ja-JP" sz="3300" dirty="0">
              <a:latin typeface="UD デジタル 教科書体 N-B" panose="02020700000000000000" pitchFamily="17" charset="-128"/>
              <a:ea typeface="UD デジタル 教科書体 N-B" panose="02020700000000000000" pitchFamily="17" charset="-128"/>
            </a:endParaRPr>
          </a:p>
          <a:p>
            <a:endParaRPr lang="en-US" altLang="ja-JP" sz="2400" dirty="0"/>
          </a:p>
          <a:p>
            <a:r>
              <a:rPr lang="ja-JP" altLang="en-US" sz="2400" dirty="0"/>
              <a:t>自治体が問題。判定　</a:t>
            </a:r>
            <a:r>
              <a:rPr lang="en-US" altLang="ja-JP" sz="2400" dirty="0"/>
              <a:t>Ⅲ</a:t>
            </a:r>
            <a:r>
              <a:rPr lang="ja-JP" altLang="en-US" sz="2400" dirty="0"/>
              <a:t>、</a:t>
            </a:r>
            <a:r>
              <a:rPr lang="en-US" altLang="ja-JP" sz="2400" dirty="0"/>
              <a:t>Ⅳ</a:t>
            </a:r>
            <a:r>
              <a:rPr lang="ja-JP" altLang="en-US" sz="2400" dirty="0"/>
              <a:t>　の修繕着手率も低い。</a:t>
            </a:r>
            <a:endParaRPr lang="en-US" altLang="ja-JP" sz="2400" dirty="0"/>
          </a:p>
          <a:p>
            <a:r>
              <a:rPr lang="ja-JP" altLang="en-US" sz="2400" dirty="0"/>
              <a:t>平均では３０％、１００％完了は本当か？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診断は適切か？</a:t>
            </a:r>
            <a:endParaRPr lang="en-US" altLang="ja-JP" sz="2400" dirty="0"/>
          </a:p>
          <a:p>
            <a:r>
              <a:rPr lang="ja-JP" altLang="en-US" sz="2400" dirty="0"/>
              <a:t>修繕にはお金が要る。点検とは一桁二桁、違ってくる。</a:t>
            </a:r>
            <a:endParaRPr lang="en-US" altLang="ja-JP" sz="2400" dirty="0"/>
          </a:p>
          <a:p>
            <a:r>
              <a:rPr lang="ja-JP" altLang="en-US" sz="2400" dirty="0"/>
              <a:t>補修工法など適切なのか？</a:t>
            </a:r>
            <a:endParaRPr lang="en-US" altLang="ja-JP" sz="2400" dirty="0"/>
          </a:p>
          <a:p>
            <a:r>
              <a:rPr lang="ja-JP" altLang="en-US" sz="2400" dirty="0"/>
              <a:t>どこまでマネジメントできているのか？</a:t>
            </a:r>
          </a:p>
        </p:txBody>
      </p:sp>
    </p:spTree>
    <p:extLst>
      <p:ext uri="{BB962C8B-B14F-4D97-AF65-F5344CB8AC3E}">
        <p14:creationId xmlns:p14="http://schemas.microsoft.com/office/powerpoint/2010/main" val="1154156214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6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823219" y="2051856"/>
            <a:ext cx="4784471" cy="200901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535046" y="2728007"/>
            <a:ext cx="5978644" cy="2048759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532885" y="1421503"/>
            <a:ext cx="5503826" cy="80792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4" name="Picture 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628367" y="1508343"/>
            <a:ext cx="2722750" cy="217751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35" name="Rect 3"/>
          <p:cNvSpPr>
            <a:spLocks noGrp="1" noChangeArrowheads="1"/>
          </p:cNvSpPr>
          <p:nvPr/>
        </p:nvSpPr>
        <p:spPr>
          <a:xfrm>
            <a:off x="571501" y="261257"/>
            <a:ext cx="8098970" cy="6368143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0370">
              <a:lnSpc>
                <a:spcPts val="3062"/>
              </a:lnSpc>
            </a:pPr>
            <a:endParaRPr lang="ko-KR" altLang="en-US" sz="646" dirty="0"/>
          </a:p>
          <a:p>
            <a:pPr defTabSz="10370">
              <a:lnSpc>
                <a:spcPts val="1361"/>
              </a:lnSpc>
            </a:pPr>
            <a:r>
              <a:rPr lang="en-US" altLang="ko-KR" sz="646" dirty="0">
                <a:solidFill>
                  <a:srgbClr val="000000"/>
                </a:solidFill>
                <a:latin typeface="Arial"/>
              </a:rPr>
              <a:t>																																																											</a:t>
            </a:r>
            <a:r>
              <a:rPr lang="en-US" altLang="ko-KR" sz="2100" dirty="0">
                <a:solidFill>
                  <a:srgbClr val="000000"/>
                </a:solidFill>
                <a:latin typeface="Arial"/>
              </a:rPr>
              <a:t>			</a:t>
            </a:r>
            <a:r>
              <a:rPr lang="ja-JP" altLang="en-US" sz="2100" dirty="0">
                <a:solidFill>
                  <a:srgbClr val="404040"/>
                </a:solidFill>
                <a:latin typeface="BIZ"/>
                <a:ea typeface="BIZ"/>
              </a:rPr>
              <a:t>解析検討結果</a:t>
            </a:r>
            <a:endParaRPr lang="ko-KR" altLang="en-US" sz="2100" dirty="0"/>
          </a:p>
          <a:p>
            <a:pPr defTabSz="10370">
              <a:lnSpc>
                <a:spcPts val="1089"/>
              </a:lnSpc>
            </a:pPr>
            <a:endParaRPr lang="ko-KR" altLang="en-US" sz="2100" dirty="0">
              <a:latin typeface="Arial"/>
              <a:ea typeface="Arial"/>
            </a:endParaRPr>
          </a:p>
          <a:p>
            <a:pPr defTabSz="10370">
              <a:lnSpc>
                <a:spcPts val="1089"/>
              </a:lnSpc>
            </a:pPr>
            <a:r>
              <a:rPr lang="en-US" altLang="ko-KR" sz="2100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</a:t>
            </a:r>
            <a:r>
              <a:rPr lang="ja-JP" altLang="en-US" sz="2100" dirty="0">
                <a:solidFill>
                  <a:srgbClr val="000000"/>
                </a:solidFill>
                <a:latin typeface="Arial"/>
                <a:ea typeface="Arial"/>
              </a:rPr>
              <a:t>　　　</a:t>
            </a:r>
            <a:r>
              <a:rPr lang="en-US" altLang="ko-KR" sz="2100" dirty="0">
                <a:solidFill>
                  <a:srgbClr val="000000"/>
                </a:solidFill>
                <a:latin typeface="BIZ"/>
                <a:ea typeface="BIZ"/>
              </a:rPr>
              <a:t>耐荷力不足【2次元フレーム解析（静的）】</a:t>
            </a:r>
            <a:endParaRPr lang="en-US" altLang="ko-KR" sz="2100" dirty="0">
              <a:solidFill>
                <a:srgbClr val="000000"/>
              </a:solidFill>
            </a:endParaRPr>
          </a:p>
          <a:p>
            <a:pPr defTabSz="10370">
              <a:lnSpc>
                <a:spcPts val="1089"/>
              </a:lnSpc>
            </a:pPr>
            <a:endParaRPr lang="ko-KR" altLang="en-US" sz="2100" dirty="0">
              <a:latin typeface="Arial"/>
              <a:ea typeface="Arial"/>
            </a:endParaRPr>
          </a:p>
          <a:p>
            <a:pPr defTabSz="10370">
              <a:lnSpc>
                <a:spcPts val="953"/>
              </a:lnSpc>
            </a:pPr>
            <a:r>
              <a:rPr lang="en-US" altLang="ko-KR" sz="2100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</a:t>
            </a:r>
            <a:r>
              <a:rPr lang="en-US" altLang="ko-KR" sz="2100" dirty="0">
                <a:solidFill>
                  <a:srgbClr val="000000"/>
                </a:solidFill>
                <a:latin typeface="BIZ"/>
                <a:ea typeface="BIZ"/>
              </a:rPr>
              <a:t>■現行モデル① </a:t>
            </a:r>
            <a:r>
              <a:rPr lang="en-US" altLang="ko-KR" sz="2100" dirty="0" err="1">
                <a:solidFill>
                  <a:srgbClr val="000000"/>
                </a:solidFill>
                <a:latin typeface="BIZ"/>
                <a:ea typeface="BIZ"/>
              </a:rPr>
              <a:t>解析結果</a:t>
            </a:r>
            <a:endParaRPr lang="en-US" altLang="ko-KR" sz="2100" dirty="0">
              <a:latin typeface="Arial"/>
              <a:ea typeface="Arial"/>
            </a:endParaRPr>
          </a:p>
          <a:p>
            <a:pPr defTabSz="10370">
              <a:lnSpc>
                <a:spcPts val="1157"/>
              </a:lnSpc>
            </a:pPr>
            <a:endParaRPr lang="ko-KR" altLang="en-US" sz="1500" dirty="0">
              <a:latin typeface="Arial"/>
              <a:ea typeface="Arial"/>
            </a:endParaRPr>
          </a:p>
          <a:p>
            <a:pPr defTabSz="10370">
              <a:lnSpc>
                <a:spcPts val="953"/>
              </a:lnSpc>
            </a:pPr>
            <a:r>
              <a:rPr lang="en-US" altLang="ko-KR" sz="1500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</a:t>
            </a:r>
            <a:r>
              <a:rPr lang="en-US" altLang="ko-KR" sz="1500" dirty="0" err="1">
                <a:solidFill>
                  <a:srgbClr val="000000"/>
                </a:solidFill>
                <a:latin typeface="BIZ"/>
                <a:ea typeface="BIZ"/>
              </a:rPr>
              <a:t>圧縮・引張・ウェブ圧壊耐力でＮＧとなった。物性値低下も</a:t>
            </a:r>
            <a:r>
              <a:rPr lang="en-US" altLang="ko-KR" sz="2100" dirty="0">
                <a:solidFill>
                  <a:srgbClr val="000000"/>
                </a:solidFill>
                <a:latin typeface="BIZ"/>
                <a:ea typeface="BIZ"/>
              </a:rPr>
              <a:t>。</a:t>
            </a:r>
            <a:endParaRPr lang="ko-KR" altLang="en-US" sz="2100" dirty="0"/>
          </a:p>
          <a:p>
            <a:pPr defTabSz="10370">
              <a:lnSpc>
                <a:spcPts val="26671"/>
              </a:lnSpc>
            </a:pPr>
            <a:endParaRPr lang="ko-KR" altLang="en-US" sz="2100" dirty="0">
              <a:latin typeface="Arial"/>
              <a:ea typeface="Arial"/>
            </a:endParaRPr>
          </a:p>
          <a:p>
            <a:pPr defTabSz="10370">
              <a:lnSpc>
                <a:spcPts val="680"/>
              </a:lnSpc>
            </a:pPr>
            <a:r>
              <a:rPr lang="en-US" altLang="ko-KR" sz="646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677" dirty="0">
                <a:solidFill>
                  <a:srgbClr val="000000"/>
                </a:solidFill>
                <a:latin typeface="Calibri"/>
                <a:ea typeface="Calibri"/>
              </a:rPr>
              <a:t>-12-</a:t>
            </a:r>
            <a:endParaRPr lang="ko-KR" altLang="en-US" sz="677" dirty="0"/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2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532885" y="1421502"/>
            <a:ext cx="5503826" cy="298544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532639" y="1960695"/>
            <a:ext cx="3092149" cy="1791692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840070" y="3988715"/>
            <a:ext cx="4877360" cy="1727318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41" name="Rect 3"/>
          <p:cNvSpPr>
            <a:spLocks noGrp="1" noChangeArrowheads="1"/>
          </p:cNvSpPr>
          <p:nvPr/>
        </p:nvSpPr>
        <p:spPr>
          <a:xfrm>
            <a:off x="571501" y="857251"/>
            <a:ext cx="7968342" cy="5804806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0370">
              <a:lnSpc>
                <a:spcPts val="1021"/>
              </a:lnSpc>
            </a:pPr>
            <a:endParaRPr lang="en-US" altLang="ko-KR" sz="646" dirty="0">
              <a:latin typeface="Arial"/>
              <a:ea typeface="Arial"/>
            </a:endParaRPr>
          </a:p>
          <a:p>
            <a:pPr defTabSz="10370">
              <a:lnSpc>
                <a:spcPts val="1021"/>
              </a:lnSpc>
            </a:pPr>
            <a:endParaRPr lang="en-US" altLang="ko-KR" sz="646" dirty="0">
              <a:latin typeface="Arial"/>
              <a:ea typeface="Arial"/>
            </a:endParaRPr>
          </a:p>
          <a:p>
            <a:pPr defTabSz="10370">
              <a:lnSpc>
                <a:spcPts val="1021"/>
              </a:lnSpc>
            </a:pPr>
            <a:endParaRPr lang="ko-KR" altLang="en-US" sz="646" dirty="0">
              <a:latin typeface="Arial"/>
              <a:ea typeface="Arial"/>
            </a:endParaRPr>
          </a:p>
          <a:p>
            <a:pPr defTabSz="10370">
              <a:lnSpc>
                <a:spcPts val="1089"/>
              </a:lnSpc>
            </a:pPr>
            <a:r>
              <a:rPr lang="en-US" altLang="ko-KR" sz="646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</a:t>
            </a:r>
            <a:r>
              <a:rPr lang="en-US" altLang="ko-KR" sz="1086" dirty="0">
                <a:solidFill>
                  <a:srgbClr val="000000"/>
                </a:solidFill>
                <a:latin typeface="BIZ"/>
                <a:ea typeface="BIZ"/>
              </a:rPr>
              <a:t> </a:t>
            </a:r>
            <a:r>
              <a:rPr lang="en-US" altLang="ko-KR" dirty="0">
                <a:solidFill>
                  <a:srgbClr val="000000"/>
                </a:solidFill>
                <a:latin typeface="BIZ"/>
                <a:ea typeface="BIZ"/>
              </a:rPr>
              <a:t>耐震性能ＮＧ 【３次元フレーム解析（動的】</a:t>
            </a:r>
            <a:endParaRPr lang="ko-KR" altLang="en-US" dirty="0"/>
          </a:p>
          <a:p>
            <a:pPr defTabSz="10370">
              <a:lnSpc>
                <a:spcPts val="1157"/>
              </a:lnSpc>
            </a:pPr>
            <a:endParaRPr lang="ko-KR" altLang="en-US" dirty="0">
              <a:latin typeface="Arial"/>
              <a:ea typeface="Arial"/>
            </a:endParaRPr>
          </a:p>
          <a:p>
            <a:pPr defTabSz="10370">
              <a:lnSpc>
                <a:spcPts val="953"/>
              </a:lnSpc>
            </a:pPr>
            <a:r>
              <a:rPr lang="en-US" altLang="ko-KR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</a:t>
            </a:r>
            <a:r>
              <a:rPr lang="en-US" altLang="ko-KR" dirty="0">
                <a:solidFill>
                  <a:srgbClr val="000000"/>
                </a:solidFill>
                <a:latin typeface="BIZ"/>
                <a:ea typeface="BIZ"/>
              </a:rPr>
              <a:t>■解析モデル</a:t>
            </a:r>
            <a:endParaRPr lang="ko-KR" altLang="en-US" dirty="0"/>
          </a:p>
          <a:p>
            <a:pPr defTabSz="10370">
              <a:lnSpc>
                <a:spcPts val="1497"/>
              </a:lnSpc>
            </a:pPr>
            <a:endParaRPr lang="ko-KR" altLang="en-US" dirty="0">
              <a:latin typeface="Arial"/>
              <a:ea typeface="Arial"/>
            </a:endParaRPr>
          </a:p>
          <a:p>
            <a:pPr defTabSz="10370">
              <a:lnSpc>
                <a:spcPts val="1089"/>
              </a:lnSpc>
            </a:pPr>
            <a:r>
              <a:rPr lang="en-US" altLang="ko-KR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</a:t>
            </a:r>
            <a:r>
              <a:rPr lang="en-US" altLang="ko-KR" dirty="0">
                <a:solidFill>
                  <a:srgbClr val="000000"/>
                </a:solidFill>
                <a:latin typeface="BIZ"/>
                <a:ea typeface="BIZ"/>
              </a:rPr>
              <a:t>３Ｄモデル</a:t>
            </a:r>
            <a:endParaRPr lang="ko-KR" altLang="en-US" dirty="0"/>
          </a:p>
          <a:p>
            <a:pPr defTabSz="10370">
              <a:lnSpc>
                <a:spcPts val="11771"/>
              </a:lnSpc>
            </a:pPr>
            <a:endParaRPr lang="ko-KR" altLang="en-US" sz="646" dirty="0">
              <a:latin typeface="Arial"/>
              <a:ea typeface="Arial"/>
            </a:endParaRPr>
          </a:p>
          <a:p>
            <a:pPr defTabSz="10370">
              <a:lnSpc>
                <a:spcPts val="1089"/>
              </a:lnSpc>
            </a:pPr>
            <a:r>
              <a:rPr lang="en-US" altLang="ko-KR" sz="646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</a:t>
            </a:r>
            <a:r>
              <a:rPr lang="en-US" altLang="ko-KR" sz="1086" dirty="0">
                <a:solidFill>
                  <a:srgbClr val="000000"/>
                </a:solidFill>
                <a:latin typeface="BIZ"/>
                <a:ea typeface="BIZ"/>
              </a:rPr>
              <a:t>接点番号図</a:t>
            </a:r>
            <a:endParaRPr lang="ko-KR" altLang="en-US" sz="1086" dirty="0"/>
          </a:p>
          <a:p>
            <a:pPr defTabSz="10370">
              <a:lnSpc>
                <a:spcPts val="13336"/>
              </a:lnSpc>
            </a:pPr>
            <a:endParaRPr lang="ko-KR" altLang="en-US" sz="646" dirty="0">
              <a:latin typeface="Arial"/>
              <a:ea typeface="Arial"/>
            </a:endParaRPr>
          </a:p>
          <a:p>
            <a:pPr defTabSz="10370">
              <a:lnSpc>
                <a:spcPts val="680"/>
              </a:lnSpc>
            </a:pPr>
            <a:r>
              <a:rPr lang="en-US" altLang="ko-KR" sz="646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677" dirty="0">
                <a:solidFill>
                  <a:srgbClr val="000000"/>
                </a:solidFill>
                <a:latin typeface="Calibri"/>
                <a:ea typeface="Calibri"/>
              </a:rPr>
              <a:t>-15-</a:t>
            </a:r>
            <a:endParaRPr lang="ko-KR" altLang="en-US" sz="677" dirty="0"/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738106" y="2397925"/>
            <a:ext cx="5170287" cy="49987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738106" y="3161349"/>
            <a:ext cx="5174175" cy="551722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738107" y="4056978"/>
            <a:ext cx="5168126" cy="1356623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4" name="Picture 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1532885" y="1421502"/>
            <a:ext cx="5503826" cy="298544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5" name="Picture 8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736378" y="2006059"/>
            <a:ext cx="5229909" cy="201333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43" name="Rect 3"/>
          <p:cNvSpPr>
            <a:spLocks noGrp="1" noChangeArrowheads="1"/>
          </p:cNvSpPr>
          <p:nvPr/>
        </p:nvSpPr>
        <p:spPr>
          <a:xfrm>
            <a:off x="522515" y="493940"/>
            <a:ext cx="7870370" cy="5870120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0370">
              <a:lnSpc>
                <a:spcPts val="3062"/>
              </a:lnSpc>
            </a:pPr>
            <a:endParaRPr lang="ko-KR" altLang="en-US" dirty="0"/>
          </a:p>
          <a:p>
            <a:pPr defTabSz="10370">
              <a:lnSpc>
                <a:spcPts val="1361"/>
              </a:lnSpc>
            </a:pPr>
            <a:r>
              <a:rPr lang="en-US" altLang="ko-KR" dirty="0">
                <a:solidFill>
                  <a:srgbClr val="000000"/>
                </a:solidFill>
                <a:latin typeface="Arial"/>
              </a:rPr>
              <a:t>																																																											</a:t>
            </a:r>
            <a:r>
              <a:rPr lang="ja-JP" altLang="en-US" dirty="0">
                <a:solidFill>
                  <a:srgbClr val="000000"/>
                </a:solidFill>
                <a:latin typeface="BIZ"/>
                <a:ea typeface="BIZ"/>
              </a:rPr>
              <a:t>　</a:t>
            </a:r>
            <a:r>
              <a:rPr lang="en-US" altLang="ko-KR" dirty="0" err="1">
                <a:solidFill>
                  <a:srgbClr val="000000"/>
                </a:solidFill>
                <a:latin typeface="BIZ"/>
                <a:ea typeface="BIZ"/>
              </a:rPr>
              <a:t>耐震性能ＮＧ</a:t>
            </a:r>
            <a:r>
              <a:rPr lang="en-US" altLang="ko-KR" dirty="0">
                <a:solidFill>
                  <a:srgbClr val="000000"/>
                </a:solidFill>
                <a:latin typeface="BIZ"/>
                <a:ea typeface="BIZ"/>
              </a:rPr>
              <a:t> 【３次元フレーム</a:t>
            </a:r>
            <a:r>
              <a:rPr lang="en-US" altLang="ko-KR" dirty="0">
                <a:solidFill>
                  <a:srgbClr val="000000"/>
                </a:solidFill>
                <a:latin typeface="Arial"/>
              </a:rPr>
              <a:t>					</a:t>
            </a:r>
            <a:r>
              <a:rPr lang="en-US" altLang="ko-KR" dirty="0" err="1">
                <a:solidFill>
                  <a:srgbClr val="000000"/>
                </a:solidFill>
                <a:latin typeface="BIZ"/>
                <a:ea typeface="BIZ"/>
              </a:rPr>
              <a:t>解析（動的</a:t>
            </a:r>
            <a:r>
              <a:rPr lang="en-US" altLang="ko-KR" dirty="0">
                <a:solidFill>
                  <a:srgbClr val="000000"/>
                </a:solidFill>
                <a:latin typeface="BIZ"/>
                <a:ea typeface="BIZ"/>
              </a:rPr>
              <a:t>】</a:t>
            </a:r>
            <a:endParaRPr lang="ko-KR" altLang="en-US" dirty="0"/>
          </a:p>
          <a:p>
            <a:pPr defTabSz="10370">
              <a:lnSpc>
                <a:spcPts val="1361"/>
              </a:lnSpc>
            </a:pPr>
            <a:endParaRPr lang="ko-KR" altLang="en-US" dirty="0"/>
          </a:p>
          <a:p>
            <a:pPr defTabSz="10370">
              <a:lnSpc>
                <a:spcPts val="1157"/>
              </a:lnSpc>
            </a:pPr>
            <a:endParaRPr lang="ko-KR" altLang="en-US" sz="1500" dirty="0">
              <a:latin typeface="Arial"/>
              <a:ea typeface="Arial"/>
            </a:endParaRPr>
          </a:p>
          <a:p>
            <a:pPr defTabSz="10370">
              <a:lnSpc>
                <a:spcPts val="953"/>
              </a:lnSpc>
            </a:pPr>
            <a:r>
              <a:rPr lang="en-US" altLang="ko-KR" sz="1500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</a:t>
            </a:r>
            <a:r>
              <a:rPr lang="en-US" altLang="ko-KR" sz="1500" dirty="0">
                <a:solidFill>
                  <a:srgbClr val="000000"/>
                </a:solidFill>
                <a:latin typeface="BIZ"/>
                <a:ea typeface="BIZ"/>
              </a:rPr>
              <a:t>■照査結果</a:t>
            </a:r>
            <a:endParaRPr lang="ko-KR" altLang="en-US" sz="1500" dirty="0"/>
          </a:p>
          <a:p>
            <a:pPr defTabSz="10370">
              <a:lnSpc>
                <a:spcPts val="408"/>
              </a:lnSpc>
            </a:pPr>
            <a:endParaRPr lang="ko-KR" altLang="en-US" sz="1500" dirty="0">
              <a:latin typeface="Arial"/>
              <a:ea typeface="Arial"/>
            </a:endParaRPr>
          </a:p>
          <a:p>
            <a:pPr defTabSz="10370">
              <a:lnSpc>
                <a:spcPts val="1429"/>
              </a:lnSpc>
            </a:pPr>
            <a:r>
              <a:rPr lang="en-US" altLang="ko-KR" sz="1500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</a:t>
            </a:r>
            <a:r>
              <a:rPr lang="en-US" altLang="ko-KR" sz="1500" dirty="0" err="1">
                <a:solidFill>
                  <a:srgbClr val="000000"/>
                </a:solidFill>
                <a:latin typeface="Meiryo"/>
                <a:ea typeface="Meiryo"/>
              </a:rPr>
              <a:t>上・下部工、メナーゼヒンジで</a:t>
            </a:r>
            <a:r>
              <a:rPr lang="en-US" altLang="ko-KR" sz="1500" dirty="0" err="1">
                <a:solidFill>
                  <a:srgbClr val="000000"/>
                </a:solidFill>
                <a:latin typeface="Century"/>
                <a:ea typeface="Century"/>
              </a:rPr>
              <a:t>NG</a:t>
            </a:r>
            <a:r>
              <a:rPr lang="en-US" altLang="ko-KR" sz="1500" dirty="0" err="1">
                <a:solidFill>
                  <a:srgbClr val="000000"/>
                </a:solidFill>
                <a:latin typeface="Meiryo"/>
                <a:ea typeface="Meiryo"/>
              </a:rPr>
              <a:t>となった</a:t>
            </a:r>
            <a:r>
              <a:rPr lang="en-US" altLang="ko-KR" sz="1500" dirty="0">
                <a:solidFill>
                  <a:srgbClr val="000000"/>
                </a:solidFill>
                <a:latin typeface="Meiryo"/>
                <a:ea typeface="Meiryo"/>
              </a:rPr>
              <a:t>。</a:t>
            </a:r>
          </a:p>
          <a:p>
            <a:pPr defTabSz="10370">
              <a:lnSpc>
                <a:spcPts val="1429"/>
              </a:lnSpc>
            </a:pPr>
            <a:r>
              <a:rPr lang="ja-JP" altLang="en-US" sz="1500" dirty="0">
                <a:solidFill>
                  <a:srgbClr val="000000"/>
                </a:solidFill>
                <a:latin typeface="Meiryo"/>
                <a:ea typeface="Meiryo"/>
              </a:rPr>
              <a:t>　　　　　</a:t>
            </a:r>
            <a:endParaRPr lang="en-US" altLang="ja-JP" sz="1500" dirty="0">
              <a:solidFill>
                <a:srgbClr val="000000"/>
              </a:solidFill>
              <a:latin typeface="Meiryo"/>
              <a:ea typeface="Meiryo"/>
            </a:endParaRPr>
          </a:p>
          <a:p>
            <a:pPr defTabSz="10370">
              <a:lnSpc>
                <a:spcPts val="1429"/>
              </a:lnSpc>
            </a:pPr>
            <a:r>
              <a:rPr lang="ja-JP" altLang="en-US" sz="1500" dirty="0">
                <a:solidFill>
                  <a:srgbClr val="000000"/>
                </a:solidFill>
                <a:latin typeface="Meiryo"/>
                <a:ea typeface="Meiryo"/>
              </a:rPr>
              <a:t>　　　　　</a:t>
            </a:r>
            <a:r>
              <a:rPr lang="en-US" altLang="ko-KR" sz="1500" dirty="0" err="1">
                <a:solidFill>
                  <a:srgbClr val="000000"/>
                </a:solidFill>
                <a:latin typeface="Meiryo"/>
                <a:ea typeface="Meiryo"/>
              </a:rPr>
              <a:t>物性値低下も耐震性能に大きく影響している</a:t>
            </a:r>
            <a:r>
              <a:rPr lang="en-US" altLang="ko-KR" sz="1500" dirty="0">
                <a:solidFill>
                  <a:srgbClr val="000000"/>
                </a:solidFill>
                <a:latin typeface="Meiryo"/>
                <a:ea typeface="Meiryo"/>
              </a:rPr>
              <a:t>。</a:t>
            </a:r>
            <a:endParaRPr lang="ko-KR" altLang="en-US" sz="1500" dirty="0"/>
          </a:p>
          <a:p>
            <a:pPr defTabSz="10370">
              <a:lnSpc>
                <a:spcPts val="26944"/>
              </a:lnSpc>
            </a:pPr>
            <a:endParaRPr lang="ko-KR" altLang="en-US" sz="1500" dirty="0">
              <a:latin typeface="Arial"/>
              <a:ea typeface="Arial"/>
            </a:endParaRPr>
          </a:p>
          <a:p>
            <a:pPr defTabSz="10370">
              <a:lnSpc>
                <a:spcPts val="680"/>
              </a:lnSpc>
            </a:pPr>
            <a:r>
              <a:rPr lang="en-US" altLang="ko-KR" sz="646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677" dirty="0">
                <a:solidFill>
                  <a:srgbClr val="000000"/>
                </a:solidFill>
                <a:latin typeface="Calibri"/>
                <a:ea typeface="Calibri"/>
              </a:rPr>
              <a:t>-16-</a:t>
            </a:r>
            <a:endParaRPr lang="ko-KR" altLang="en-US" sz="677" dirty="0"/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F652D511-F8C6-862D-A92D-38D88A04069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50E13FB-DCAF-430E-9FD5-74CCF70954EF}" type="slidenum">
              <a:rPr lang="en-US" altLang="ja-JP" smtClean="0">
                <a:solidFill>
                  <a:srgbClr val="000000"/>
                </a:solidFill>
              </a:rPr>
              <a:pPr/>
              <a:t>23</a:t>
            </a:fld>
            <a:endParaRPr lang="en-US" altLang="ja-JP">
              <a:solidFill>
                <a:srgbClr val="000000"/>
              </a:solidFill>
            </a:endParaRP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26B6B0B8-DE1A-4B7C-AAC8-E0AB6A360189}"/>
              </a:ext>
            </a:extLst>
          </p:cNvPr>
          <p:cNvSpPr txBox="1"/>
          <p:nvPr/>
        </p:nvSpPr>
        <p:spPr>
          <a:xfrm>
            <a:off x="1732762" y="1536415"/>
            <a:ext cx="4161852" cy="20774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300" dirty="0"/>
              <a:t>国の方針</a:t>
            </a:r>
            <a:endParaRPr lang="en-US" altLang="ja-JP" sz="3300" dirty="0"/>
          </a:p>
          <a:p>
            <a:endParaRPr lang="en-US" altLang="ja-JP" sz="2400" dirty="0"/>
          </a:p>
          <a:p>
            <a:r>
              <a:rPr lang="ja-JP" altLang="en-US" sz="2400" dirty="0"/>
              <a:t>新技術導入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包括管理、“群”管理</a:t>
            </a:r>
          </a:p>
        </p:txBody>
      </p:sp>
    </p:spTree>
    <p:extLst>
      <p:ext uri="{BB962C8B-B14F-4D97-AF65-F5344CB8AC3E}">
        <p14:creationId xmlns:p14="http://schemas.microsoft.com/office/powerpoint/2010/main" val="2074533326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65" name="テキスト ボックス 1">
            <a:extLst>
              <a:ext uri="{FF2B5EF4-FFF2-40B4-BE49-F238E27FC236}">
                <a16:creationId xmlns:a16="http://schemas.microsoft.com/office/drawing/2014/main" id="{68EACB01-14C3-DC6D-664A-FBB3796D189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83928" y="3745452"/>
            <a:ext cx="3139746" cy="2802405"/>
          </a:xfrm>
          <a:prstGeom prst="rect">
            <a:avLst/>
          </a:prstGeom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lIns="68580" tIns="34290" rIns="68580" bIns="34290" rtlCol="0" anchor="b">
            <a:no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90000"/>
              </a:lnSpc>
              <a:spcBef>
                <a:spcPct val="0"/>
              </a:spcBef>
              <a:spcAft>
                <a:spcPts val="450"/>
              </a:spcAft>
            </a:pPr>
            <a:r>
              <a:rPr lang="ja-JP" altLang="en-US" sz="3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highlight>
                  <a:srgbClr val="FFFF00"/>
                </a:highlight>
                <a:latin typeface="+mj-lt"/>
                <a:ea typeface="+mj-ea"/>
                <a:cs typeface="+mj-cs"/>
              </a:rPr>
              <a:t>昨年度</a:t>
            </a:r>
            <a:endParaRPr lang="en-US" altLang="ja-JP" sz="3200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highlight>
                <a:srgbClr val="FFFF00"/>
              </a:highlight>
              <a:latin typeface="+mj-lt"/>
              <a:ea typeface="+mj-ea"/>
              <a:cs typeface="+mj-cs"/>
            </a:endParaRPr>
          </a:p>
          <a:p>
            <a:pPr>
              <a:lnSpc>
                <a:spcPct val="90000"/>
              </a:lnSpc>
              <a:spcBef>
                <a:spcPct val="0"/>
              </a:spcBef>
              <a:spcAft>
                <a:spcPts val="450"/>
              </a:spcAft>
            </a:pPr>
            <a:endParaRPr lang="en-US" altLang="ja-JP" sz="3200" dirty="0">
              <a:latin typeface="+mj-lt"/>
              <a:ea typeface="+mj-ea"/>
              <a:cs typeface="+mj-cs"/>
            </a:endParaRPr>
          </a:p>
          <a:p>
            <a:pPr>
              <a:lnSpc>
                <a:spcPct val="90000"/>
              </a:lnSpc>
              <a:spcBef>
                <a:spcPct val="0"/>
              </a:spcBef>
              <a:spcAft>
                <a:spcPts val="450"/>
              </a:spcAft>
            </a:pPr>
            <a:r>
              <a:rPr lang="ja-JP" altLang="en-US" sz="3200" dirty="0">
                <a:latin typeface="+mj-lt"/>
                <a:ea typeface="+mj-ea"/>
                <a:cs typeface="+mj-cs"/>
              </a:rPr>
              <a:t>国の新たな動き　　　　</a:t>
            </a:r>
            <a:endParaRPr lang="en-US" altLang="ja-JP" sz="3200" dirty="0">
              <a:latin typeface="+mj-lt"/>
              <a:ea typeface="+mj-ea"/>
              <a:cs typeface="+mj-cs"/>
            </a:endParaRPr>
          </a:p>
          <a:p>
            <a:pPr>
              <a:lnSpc>
                <a:spcPct val="90000"/>
              </a:lnSpc>
              <a:spcBef>
                <a:spcPct val="0"/>
              </a:spcBef>
              <a:spcAft>
                <a:spcPts val="450"/>
              </a:spcAft>
            </a:pPr>
            <a:r>
              <a:rPr lang="en-US" altLang="ja-JP" sz="3200" dirty="0">
                <a:latin typeface="+mj-lt"/>
                <a:ea typeface="+mj-ea"/>
                <a:cs typeface="+mj-cs"/>
              </a:rPr>
              <a:t>2</a:t>
            </a:r>
            <a:r>
              <a:rPr lang="ja-JP" altLang="en-US" sz="3200" dirty="0">
                <a:latin typeface="+mj-lt"/>
                <a:ea typeface="+mj-ea"/>
                <a:cs typeface="+mj-cs"/>
              </a:rPr>
              <a:t>つの方針</a:t>
            </a:r>
            <a:endParaRPr lang="en-US" altLang="ja-JP" sz="3200" dirty="0">
              <a:latin typeface="+mj-lt"/>
              <a:ea typeface="+mj-ea"/>
              <a:cs typeface="+mj-cs"/>
            </a:endParaRPr>
          </a:p>
          <a:p>
            <a:pPr>
              <a:lnSpc>
                <a:spcPct val="90000"/>
              </a:lnSpc>
              <a:spcBef>
                <a:spcPct val="0"/>
              </a:spcBef>
              <a:spcAft>
                <a:spcPts val="450"/>
              </a:spcAft>
            </a:pPr>
            <a:endParaRPr lang="en-US" altLang="ja-JP" sz="3200" dirty="0">
              <a:latin typeface="+mj-lt"/>
              <a:ea typeface="+mj-ea"/>
              <a:cs typeface="+mj-cs"/>
            </a:endParaRPr>
          </a:p>
          <a:p>
            <a:pPr>
              <a:lnSpc>
                <a:spcPct val="90000"/>
              </a:lnSpc>
              <a:spcBef>
                <a:spcPct val="0"/>
              </a:spcBef>
              <a:spcAft>
                <a:spcPts val="450"/>
              </a:spcAft>
            </a:pPr>
            <a:r>
              <a:rPr lang="ja-JP" altLang="en-US" sz="3200" dirty="0">
                <a:latin typeface="+mj-lt"/>
                <a:ea typeface="+mj-ea"/>
                <a:cs typeface="+mj-cs"/>
              </a:rPr>
              <a:t>新技術導入</a:t>
            </a:r>
            <a:endParaRPr lang="en-US" altLang="ja-JP" sz="3200" dirty="0">
              <a:latin typeface="+mj-lt"/>
              <a:ea typeface="+mj-ea"/>
              <a:cs typeface="+mj-cs"/>
            </a:endParaRPr>
          </a:p>
          <a:p>
            <a:pPr>
              <a:lnSpc>
                <a:spcPct val="90000"/>
              </a:lnSpc>
              <a:spcBef>
                <a:spcPct val="0"/>
              </a:spcBef>
              <a:spcAft>
                <a:spcPts val="450"/>
              </a:spcAft>
            </a:pPr>
            <a:r>
              <a:rPr lang="ja-JP" altLang="en-US" sz="3200" dirty="0">
                <a:latin typeface="+mj-lt"/>
                <a:ea typeface="+mj-ea"/>
                <a:cs typeface="+mj-cs"/>
              </a:rPr>
              <a:t>　　と　　　　　　　　　　　　包括管理</a:t>
            </a:r>
            <a:endParaRPr lang="en-US" altLang="ja-JP" sz="3200" dirty="0">
              <a:latin typeface="+mj-lt"/>
              <a:ea typeface="+mj-ea"/>
              <a:cs typeface="+mj-cs"/>
            </a:endParaRPr>
          </a:p>
          <a:p>
            <a:pPr>
              <a:lnSpc>
                <a:spcPct val="90000"/>
              </a:lnSpc>
              <a:spcBef>
                <a:spcPct val="0"/>
              </a:spcBef>
              <a:spcAft>
                <a:spcPts val="450"/>
              </a:spcAft>
            </a:pPr>
            <a:endParaRPr lang="en-US" altLang="ja-JP" sz="3200" dirty="0">
              <a:latin typeface="+mj-lt"/>
              <a:ea typeface="+mj-ea"/>
              <a:cs typeface="+mj-cs"/>
            </a:endParaRPr>
          </a:p>
          <a:p>
            <a:pPr>
              <a:lnSpc>
                <a:spcPct val="90000"/>
              </a:lnSpc>
              <a:spcBef>
                <a:spcPct val="0"/>
              </a:spcBef>
              <a:spcAft>
                <a:spcPts val="450"/>
              </a:spcAft>
            </a:pPr>
            <a:r>
              <a:rPr lang="ja-JP" altLang="en-US" sz="3200" dirty="0">
                <a:latin typeface="+mj-lt"/>
                <a:ea typeface="+mj-ea"/>
                <a:cs typeface="+mj-cs"/>
              </a:rPr>
              <a:t>マニュアル策定</a:t>
            </a:r>
          </a:p>
        </p:txBody>
      </p:sp>
      <p:pic>
        <p:nvPicPr>
          <p:cNvPr id="92163" name="図 2">
            <a:extLst>
              <a:ext uri="{FF2B5EF4-FFF2-40B4-BE49-F238E27FC236}">
                <a16:creationId xmlns:a16="http://schemas.microsoft.com/office/drawing/2014/main" id="{6FC849F4-5C7A-130C-ADF5-92A8808B784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303270" y="1711346"/>
            <a:ext cx="2537460" cy="33608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2164" name="図 3">
            <a:extLst>
              <a:ext uri="{FF2B5EF4-FFF2-40B4-BE49-F238E27FC236}">
                <a16:creationId xmlns:a16="http://schemas.microsoft.com/office/drawing/2014/main" id="{C69DFC64-A13C-14DA-260C-196A9B1FD71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751132" y="1366571"/>
            <a:ext cx="2876401" cy="37800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2162" name="スライド番号プレースホルダー 1">
            <a:extLst>
              <a:ext uri="{FF2B5EF4-FFF2-40B4-BE49-F238E27FC236}">
                <a16:creationId xmlns:a16="http://schemas.microsoft.com/office/drawing/2014/main" id="{EEF22499-55FB-641C-9607-BD18192BD347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xfrm>
            <a:off x="7843058" y="5726430"/>
            <a:ext cx="784475" cy="274320"/>
          </a:xfrm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lIns="68580" tIns="34290" rIns="68580" bIns="34290" rtlCol="0" anchor="ctr">
            <a:norm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557213" indent="-214313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857250" indent="-1714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200150" indent="-1714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1543050" indent="-1714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1885950" indent="-1714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228850" indent="-1714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2571750" indent="-1714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2914650" indent="-1714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Aft>
                <a:spcPts val="450"/>
              </a:spcAft>
            </a:pPr>
            <a:r>
              <a:rPr lang="en-US" altLang="ja-JP">
                <a:solidFill>
                  <a:schemeClr val="tx1">
                    <a:tint val="75000"/>
                  </a:schemeClr>
                </a:solidFill>
                <a:latin typeface="+mn-lt"/>
              </a:rPr>
              <a:t>-</a:t>
            </a:r>
            <a:fld id="{ADBD97E9-7711-49C1-8F10-C9177A0571BB}" type="slidenum">
              <a:rPr lang="en-US" altLang="ja-JP" smtClean="0">
                <a:solidFill>
                  <a:schemeClr val="tx1">
                    <a:tint val="75000"/>
                  </a:schemeClr>
                </a:solidFill>
                <a:latin typeface="+mn-lt"/>
              </a:rPr>
              <a:pPr>
                <a:spcAft>
                  <a:spcPts val="450"/>
                </a:spcAft>
              </a:pPr>
              <a:t>24</a:t>
            </a:fld>
            <a:r>
              <a:rPr lang="en-US" altLang="ja-JP">
                <a:solidFill>
                  <a:schemeClr val="tx1">
                    <a:tint val="75000"/>
                  </a:schemeClr>
                </a:solidFill>
                <a:latin typeface="+mn-lt"/>
              </a:rPr>
              <a:t>-</a:t>
            </a:r>
          </a:p>
        </p:txBody>
      </p:sp>
    </p:spTree>
    <p:extLst>
      <p:ext uri="{BB962C8B-B14F-4D97-AF65-F5344CB8AC3E}">
        <p14:creationId xmlns:p14="http://schemas.microsoft.com/office/powerpoint/2010/main" val="1963578631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8"/>
          <p:cNvSpPr>
            <a:spLocks noChangeArrowheads="1"/>
          </p:cNvSpPr>
          <p:nvPr/>
        </p:nvSpPr>
        <p:spPr bwMode="auto">
          <a:xfrm>
            <a:off x="-30434" y="48788"/>
            <a:ext cx="8676456" cy="12853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3200" dirty="0">
                <a:solidFill>
                  <a:srgbClr val="000000"/>
                </a:solidFill>
                <a:ea typeface="HGPｺﾞｼｯｸE" pitchFamily="50" charset="-128"/>
              </a:rPr>
              <a:t>連携体制の確保⇒</a:t>
            </a:r>
            <a:r>
              <a:rPr lang="ja-JP" altLang="en-US" sz="3200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総力戦へ</a:t>
            </a:r>
            <a:endParaRPr lang="en-US" altLang="ja-JP" sz="3200" dirty="0">
              <a:solidFill>
                <a:srgbClr val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pPr eaLnBrk="1" hangingPunct="1"/>
            <a:r>
              <a:rPr lang="ja-JP" altLang="en-US" sz="2800" dirty="0">
                <a:solidFill>
                  <a:srgbClr val="000000"/>
                </a:solidFill>
                <a:ea typeface="HGPｺﾞｼｯｸE" pitchFamily="50" charset="-128"/>
              </a:rPr>
              <a:t>［土木研究所、京都大　等］</a:t>
            </a:r>
          </a:p>
        </p:txBody>
      </p:sp>
      <p:sp>
        <p:nvSpPr>
          <p:cNvPr id="4" name="Rectangle 17"/>
          <p:cNvSpPr>
            <a:spLocks noChangeArrowheads="1"/>
          </p:cNvSpPr>
          <p:nvPr/>
        </p:nvSpPr>
        <p:spPr bwMode="auto">
          <a:xfrm>
            <a:off x="-62010" y="1070445"/>
            <a:ext cx="5791840" cy="30382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342900" indent="-3429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marL="0" indent="0" eaLnBrk="1" hangingPunct="1">
              <a:lnSpc>
                <a:spcPct val="80000"/>
              </a:lnSpc>
              <a:spcBef>
                <a:spcPct val="20000"/>
              </a:spcBef>
            </a:pPr>
            <a:endParaRPr lang="en-US" altLang="ja-JP" sz="2000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itchFamily="2" charset="2"/>
              <a:buChar char="Ø"/>
            </a:pPr>
            <a:r>
              <a:rPr lang="ja-JP" altLang="en-US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平成２７年</a:t>
            </a:r>
            <a:r>
              <a:rPr lang="en-US" altLang="ja-JP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6</a:t>
            </a:r>
            <a:r>
              <a:rPr lang="ja-JP" altLang="en-US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月には、国立研究開発法人土木研究所と研究協力協定を締結</a:t>
            </a:r>
            <a:endParaRPr lang="en-US" altLang="ja-JP" sz="2000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itchFamily="2" charset="2"/>
              <a:buChar char="Ø"/>
            </a:pPr>
            <a:r>
              <a:rPr lang="ja-JP" altLang="en-US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その後、京都大学、大阪大学などとも協定締結</a:t>
            </a:r>
            <a:endParaRPr lang="en-US" altLang="ja-JP" sz="2000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itchFamily="2" charset="2"/>
              <a:buChar char="Ø"/>
            </a:pPr>
            <a:r>
              <a:rPr lang="ja-JP" altLang="en-US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民間企業等（現在</a:t>
            </a:r>
            <a:r>
              <a:rPr lang="en-US" altLang="ja-JP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11</a:t>
            </a:r>
            <a:r>
              <a:rPr lang="ja-JP" altLang="en-US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団体）</a:t>
            </a:r>
            <a:endParaRPr lang="en-US" altLang="ja-JP" sz="2000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  <a:p>
            <a:pPr marL="0" indent="0" eaLnBrk="1" hangingPunct="1">
              <a:lnSpc>
                <a:spcPct val="80000"/>
              </a:lnSpc>
              <a:spcBef>
                <a:spcPct val="20000"/>
              </a:spcBef>
            </a:pPr>
            <a:r>
              <a:rPr lang="ja-JP" altLang="en-US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　⇒先進技術の実証フィールドの提供</a:t>
            </a:r>
            <a:endParaRPr lang="en-US" altLang="ja-JP" sz="2000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itchFamily="2" charset="2"/>
              <a:buChar char="Ø"/>
            </a:pPr>
            <a:r>
              <a:rPr lang="ja-JP" altLang="en-US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今後、</a:t>
            </a:r>
            <a:r>
              <a:rPr lang="en-US" altLang="ja-JP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PPP/PFI</a:t>
            </a:r>
            <a:r>
              <a:rPr lang="ja-JP" altLang="en-US" sz="2000" b="1" dirty="0" err="1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、</a:t>
            </a:r>
            <a:r>
              <a:rPr lang="ja-JP" altLang="en-US" sz="2000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包括管理、コンソーシアム　等の検討へ</a:t>
            </a:r>
            <a:endParaRPr lang="ja-JP" altLang="ja-JP" sz="2000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</p:txBody>
      </p:sp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475" y="3770259"/>
            <a:ext cx="2279382" cy="15094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タイトル 1"/>
          <p:cNvSpPr txBox="1">
            <a:spLocks/>
          </p:cNvSpPr>
          <p:nvPr/>
        </p:nvSpPr>
        <p:spPr>
          <a:xfrm>
            <a:off x="288103" y="5265216"/>
            <a:ext cx="1251172" cy="423320"/>
          </a:xfrm>
          <a:prstGeom prst="rect">
            <a:avLst/>
          </a:prstGeom>
        </p:spPr>
        <p:txBody>
          <a:bodyPr>
            <a:norm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1" sz="32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sz="20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京都大学</a:t>
            </a:r>
          </a:p>
        </p:txBody>
      </p:sp>
      <p:sp>
        <p:nvSpPr>
          <p:cNvPr id="2" name="正方形/長方形 1"/>
          <p:cNvSpPr/>
          <p:nvPr/>
        </p:nvSpPr>
        <p:spPr>
          <a:xfrm>
            <a:off x="3316087" y="5303870"/>
            <a:ext cx="1241587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0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大阪大学</a:t>
            </a:r>
            <a:endParaRPr lang="en-US" altLang="ja-JP" sz="20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r>
              <a:rPr lang="ja-JP" altLang="en-US" sz="20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　　　　　</a:t>
            </a:r>
          </a:p>
        </p:txBody>
      </p:sp>
      <p:sp>
        <p:nvSpPr>
          <p:cNvPr id="15" name="正方形/長方形 14"/>
          <p:cNvSpPr/>
          <p:nvPr/>
        </p:nvSpPr>
        <p:spPr>
          <a:xfrm>
            <a:off x="6499126" y="5265216"/>
            <a:ext cx="2016224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0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土木研究所</a:t>
            </a:r>
          </a:p>
        </p:txBody>
      </p:sp>
      <p:sp>
        <p:nvSpPr>
          <p:cNvPr id="5" name="スライド番号プレースホルダー 4">
            <a:extLst>
              <a:ext uri="{FF2B5EF4-FFF2-40B4-BE49-F238E27FC236}">
                <a16:creationId xmlns:a16="http://schemas.microsoft.com/office/drawing/2014/main" id="{A6D6974F-A840-47C1-9E00-247ED2CAFF6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5A2C38-BF5A-4117-A3B3-4E986D472ED9}" type="slidenum">
              <a:rPr kumimoji="1" lang="ja-JP" altLang="en-US" smtClean="0"/>
              <a:t>25</a:t>
            </a:fld>
            <a:endParaRPr kumimoji="1" lang="ja-JP" altLang="en-US" dirty="0"/>
          </a:p>
        </p:txBody>
      </p:sp>
      <p:pic>
        <p:nvPicPr>
          <p:cNvPr id="14" name="図 13">
            <a:extLst>
              <a:ext uri="{FF2B5EF4-FFF2-40B4-BE49-F238E27FC236}">
                <a16:creationId xmlns:a16="http://schemas.microsoft.com/office/drawing/2014/main" id="{0AE8C773-8ABC-4425-BECC-9BA277CE7E66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38424" y="3564240"/>
            <a:ext cx="2115158" cy="1662202"/>
          </a:xfrm>
          <a:prstGeom prst="rect">
            <a:avLst/>
          </a:prstGeom>
        </p:spPr>
      </p:pic>
      <p:sp>
        <p:nvSpPr>
          <p:cNvPr id="6" name="テキスト ボックス 5">
            <a:extLst>
              <a:ext uri="{FF2B5EF4-FFF2-40B4-BE49-F238E27FC236}">
                <a16:creationId xmlns:a16="http://schemas.microsoft.com/office/drawing/2014/main" id="{615FA334-0D87-4512-9D9C-D3CA43AA1B79}"/>
              </a:ext>
            </a:extLst>
          </p:cNvPr>
          <p:cNvSpPr txBox="1"/>
          <p:nvPr/>
        </p:nvSpPr>
        <p:spPr>
          <a:xfrm>
            <a:off x="1522416" y="5740906"/>
            <a:ext cx="6288901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800" b="1" dirty="0">
                <a:solidFill>
                  <a:srgbClr val="FF0000"/>
                </a:solidFill>
              </a:rPr>
              <a:t>目的は職員の、新技術、連携への</a:t>
            </a:r>
            <a:endParaRPr kumimoji="1" lang="en-US" altLang="ja-JP" sz="2800" b="1" dirty="0">
              <a:solidFill>
                <a:srgbClr val="FF0000"/>
              </a:solidFill>
            </a:endParaRPr>
          </a:p>
          <a:p>
            <a:r>
              <a:rPr kumimoji="1" lang="ja-JP" altLang="en-US" sz="2800" b="1" dirty="0">
                <a:solidFill>
                  <a:srgbClr val="FF0000"/>
                </a:solidFill>
              </a:rPr>
              <a:t>抵抗感の緩和と技術習得（相談相手）</a:t>
            </a:r>
          </a:p>
        </p:txBody>
      </p:sp>
      <p:pic>
        <p:nvPicPr>
          <p:cNvPr id="12" name="Picture 2">
            <a:extLst>
              <a:ext uri="{FF2B5EF4-FFF2-40B4-BE49-F238E27FC236}">
                <a16:creationId xmlns:a16="http://schemas.microsoft.com/office/drawing/2014/main" id="{B49977D0-B533-4F96-B59F-423F4329D12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48983" y="734986"/>
            <a:ext cx="3129478" cy="207242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6" name="Picture 3" descr="D:\@@@@土研\業務フォルダ\RAIMS\04_WG2\@実験データ\写真\バックアップ\P5180120.JPG">
            <a:extLst>
              <a:ext uri="{FF2B5EF4-FFF2-40B4-BE49-F238E27FC236}">
                <a16:creationId xmlns:a16="http://schemas.microsoft.com/office/drawing/2014/main" id="{167E52E8-4FC7-4BDD-9CB8-218883A2A2B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59252" y="2913999"/>
            <a:ext cx="3100056" cy="23247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272232827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8610" name="Picture 66" descr="\\SVFS01.toyama-city.local\リダイレクト\108036\Desktop\図1.jpg">
            <a:extLst>
              <a:ext uri="{FF2B5EF4-FFF2-40B4-BE49-F238E27FC236}">
                <a16:creationId xmlns:a16="http://schemas.microsoft.com/office/drawing/2014/main" id="{B9F84F23-03CA-4B28-FE83-A8970B8E14F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2331" t="26755" r="4247" b="11635"/>
          <a:stretch>
            <a:fillRect/>
          </a:stretch>
        </p:blipFill>
        <p:spPr bwMode="auto">
          <a:xfrm>
            <a:off x="2044303" y="2984897"/>
            <a:ext cx="2795588" cy="21466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8611" name="Picture 2" descr="地形図Ａ３">
            <a:extLst>
              <a:ext uri="{FF2B5EF4-FFF2-40B4-BE49-F238E27FC236}">
                <a16:creationId xmlns:a16="http://schemas.microsoft.com/office/drawing/2014/main" id="{E8D6DFAF-D691-DA3E-B862-7790740F035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88369" y="3106342"/>
            <a:ext cx="2563416" cy="19645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Rectangle 75">
            <a:extLst>
              <a:ext uri="{FF2B5EF4-FFF2-40B4-BE49-F238E27FC236}">
                <a16:creationId xmlns:a16="http://schemas.microsoft.com/office/drawing/2014/main" id="{F2456C3D-C41B-D87E-9680-2B9377ACD1BC}"/>
              </a:ext>
            </a:extLst>
          </p:cNvPr>
          <p:cNvSpPr>
            <a:spLocks noChangeArrowheads="1"/>
          </p:cNvSpPr>
          <p:nvPr/>
        </p:nvSpPr>
        <p:spPr bwMode="auto">
          <a:xfrm>
            <a:off x="2793206" y="2761060"/>
            <a:ext cx="472679" cy="123825"/>
          </a:xfrm>
          <a:prstGeom prst="rect">
            <a:avLst/>
          </a:prstGeom>
          <a:noFill/>
          <a:ln>
            <a:noFill/>
          </a:ln>
        </p:spPr>
        <p:txBody>
          <a:bodyPr wrap="none" lIns="51419" tIns="25709" rIns="51419" bIns="25709" anchor="ctr"/>
          <a:lstStyle/>
          <a:p>
            <a:pPr algn="ctr">
              <a:defRPr/>
            </a:pPr>
            <a:r>
              <a:rPr lang="ja-JP" altLang="en-US" sz="675" dirty="0">
                <a:solidFill>
                  <a:schemeClr val="tx1">
                    <a:lumMod val="50000"/>
                    <a:lumOff val="50000"/>
                  </a:schemeClr>
                </a:solidFill>
                <a:latin typeface="HGPｺﾞｼｯｸE" pitchFamily="50" charset="-128"/>
                <a:ea typeface="HGPｺﾞｼｯｸE" pitchFamily="50" charset="-128"/>
              </a:rPr>
              <a:t>富山湾</a:t>
            </a:r>
          </a:p>
        </p:txBody>
      </p:sp>
      <p:sp>
        <p:nvSpPr>
          <p:cNvPr id="3077" name="Rectangle 24">
            <a:extLst>
              <a:ext uri="{FF2B5EF4-FFF2-40B4-BE49-F238E27FC236}">
                <a16:creationId xmlns:a16="http://schemas.microsoft.com/office/drawing/2014/main" id="{2050CA8D-54BC-E115-64CF-93DA4D07D853}"/>
              </a:ext>
            </a:extLst>
          </p:cNvPr>
          <p:cNvSpPr>
            <a:spLocks noChangeArrowheads="1"/>
          </p:cNvSpPr>
          <p:nvPr/>
        </p:nvSpPr>
        <p:spPr bwMode="auto">
          <a:xfrm>
            <a:off x="3598070" y="4320779"/>
            <a:ext cx="408385" cy="122634"/>
          </a:xfrm>
          <a:prstGeom prst="rect">
            <a:avLst/>
          </a:prstGeom>
          <a:noFill/>
          <a:ln>
            <a:noFill/>
          </a:ln>
        </p:spPr>
        <p:txBody>
          <a:bodyPr wrap="none" lIns="51419" tIns="25709" rIns="51419" bIns="25709" anchor="ctr"/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  <a:defRPr/>
            </a:pPr>
            <a:r>
              <a:rPr lang="ja-JP" altLang="en-US" sz="1013" dirty="0"/>
              <a:t>旧大山町</a:t>
            </a:r>
          </a:p>
        </p:txBody>
      </p:sp>
      <p:sp>
        <p:nvSpPr>
          <p:cNvPr id="3078" name="Rectangle 25">
            <a:extLst>
              <a:ext uri="{FF2B5EF4-FFF2-40B4-BE49-F238E27FC236}">
                <a16:creationId xmlns:a16="http://schemas.microsoft.com/office/drawing/2014/main" id="{9AE6BBC5-B3E4-C29D-C270-6084EEA5C0D5}"/>
              </a:ext>
            </a:extLst>
          </p:cNvPr>
          <p:cNvSpPr>
            <a:spLocks noChangeArrowheads="1"/>
          </p:cNvSpPr>
          <p:nvPr/>
        </p:nvSpPr>
        <p:spPr bwMode="auto">
          <a:xfrm>
            <a:off x="2341961" y="4320779"/>
            <a:ext cx="534590" cy="171450"/>
          </a:xfrm>
          <a:prstGeom prst="rect">
            <a:avLst/>
          </a:prstGeom>
          <a:noFill/>
          <a:ln>
            <a:noFill/>
          </a:ln>
        </p:spPr>
        <p:txBody>
          <a:bodyPr wrap="none" lIns="51419" tIns="25709" rIns="51419" bIns="25709" anchor="ctr"/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  <a:defRPr/>
            </a:pPr>
            <a:r>
              <a:rPr lang="ja-JP" altLang="en-US" sz="1013" dirty="0"/>
              <a:t>旧八尾町</a:t>
            </a:r>
          </a:p>
        </p:txBody>
      </p:sp>
      <p:sp>
        <p:nvSpPr>
          <p:cNvPr id="3079" name="Rectangle 26">
            <a:extLst>
              <a:ext uri="{FF2B5EF4-FFF2-40B4-BE49-F238E27FC236}">
                <a16:creationId xmlns:a16="http://schemas.microsoft.com/office/drawing/2014/main" id="{9A840153-F974-59A2-D30E-45D224626D14}"/>
              </a:ext>
            </a:extLst>
          </p:cNvPr>
          <p:cNvSpPr>
            <a:spLocks noChangeArrowheads="1"/>
          </p:cNvSpPr>
          <p:nvPr/>
        </p:nvSpPr>
        <p:spPr bwMode="auto">
          <a:xfrm>
            <a:off x="1724025" y="4050507"/>
            <a:ext cx="409575" cy="122635"/>
          </a:xfrm>
          <a:prstGeom prst="rect">
            <a:avLst/>
          </a:prstGeom>
          <a:noFill/>
          <a:ln>
            <a:noFill/>
          </a:ln>
        </p:spPr>
        <p:txBody>
          <a:bodyPr wrap="none" lIns="51419" tIns="25709" rIns="51419" bIns="25709" anchor="ctr"/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  <a:defRPr/>
            </a:pPr>
            <a:r>
              <a:rPr lang="ja-JP" altLang="en-US" sz="1013" dirty="0"/>
              <a:t>旧山田村</a:t>
            </a:r>
          </a:p>
        </p:txBody>
      </p:sp>
      <p:sp>
        <p:nvSpPr>
          <p:cNvPr id="3080" name="Rectangle 27">
            <a:extLst>
              <a:ext uri="{FF2B5EF4-FFF2-40B4-BE49-F238E27FC236}">
                <a16:creationId xmlns:a16="http://schemas.microsoft.com/office/drawing/2014/main" id="{C3969B52-6080-D5EE-11AB-14CDDCB7459F}"/>
              </a:ext>
            </a:extLst>
          </p:cNvPr>
          <p:cNvSpPr>
            <a:spLocks noChangeArrowheads="1"/>
          </p:cNvSpPr>
          <p:nvPr/>
        </p:nvSpPr>
        <p:spPr bwMode="auto">
          <a:xfrm>
            <a:off x="2724150" y="4856561"/>
            <a:ext cx="404813" cy="110728"/>
          </a:xfrm>
          <a:prstGeom prst="rect">
            <a:avLst/>
          </a:prstGeom>
          <a:noFill/>
          <a:ln>
            <a:noFill/>
          </a:ln>
        </p:spPr>
        <p:txBody>
          <a:bodyPr wrap="none" lIns="51419" tIns="25709" rIns="51419" bIns="25709" anchor="ctr"/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  <a:defRPr/>
            </a:pPr>
            <a:r>
              <a:rPr lang="ja-JP" altLang="en-US" sz="1013" dirty="0"/>
              <a:t>旧細入村</a:t>
            </a:r>
          </a:p>
        </p:txBody>
      </p:sp>
      <p:sp>
        <p:nvSpPr>
          <p:cNvPr id="3081" name="Rectangle 28">
            <a:extLst>
              <a:ext uri="{FF2B5EF4-FFF2-40B4-BE49-F238E27FC236}">
                <a16:creationId xmlns:a16="http://schemas.microsoft.com/office/drawing/2014/main" id="{FD8247B1-3A9E-E1C3-7B54-91A908B2D101}"/>
              </a:ext>
            </a:extLst>
          </p:cNvPr>
          <p:cNvSpPr>
            <a:spLocks noChangeArrowheads="1"/>
          </p:cNvSpPr>
          <p:nvPr/>
        </p:nvSpPr>
        <p:spPr bwMode="auto">
          <a:xfrm>
            <a:off x="2758679" y="3307556"/>
            <a:ext cx="408384" cy="123825"/>
          </a:xfrm>
          <a:prstGeom prst="rect">
            <a:avLst/>
          </a:prstGeom>
          <a:noFill/>
          <a:ln>
            <a:noFill/>
          </a:ln>
        </p:spPr>
        <p:txBody>
          <a:bodyPr wrap="none" lIns="51419" tIns="25709" rIns="51419" bIns="25709" anchor="ctr"/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  <a:defRPr/>
            </a:pPr>
            <a:r>
              <a:rPr lang="ja-JP" altLang="en-US" sz="1013" dirty="0"/>
              <a:t>旧富山市</a:t>
            </a:r>
          </a:p>
        </p:txBody>
      </p:sp>
      <p:sp>
        <p:nvSpPr>
          <p:cNvPr id="3082" name="Rectangle 29">
            <a:extLst>
              <a:ext uri="{FF2B5EF4-FFF2-40B4-BE49-F238E27FC236}">
                <a16:creationId xmlns:a16="http://schemas.microsoft.com/office/drawing/2014/main" id="{49C18333-3BAB-CF1C-3F78-1930510A35E0}"/>
              </a:ext>
            </a:extLst>
          </p:cNvPr>
          <p:cNvSpPr>
            <a:spLocks noChangeArrowheads="1"/>
          </p:cNvSpPr>
          <p:nvPr/>
        </p:nvSpPr>
        <p:spPr bwMode="auto">
          <a:xfrm>
            <a:off x="2707481" y="3956447"/>
            <a:ext cx="409575" cy="122634"/>
          </a:xfrm>
          <a:prstGeom prst="rect">
            <a:avLst/>
          </a:prstGeom>
          <a:noFill/>
          <a:ln>
            <a:noFill/>
          </a:ln>
        </p:spPr>
        <p:txBody>
          <a:bodyPr wrap="none" lIns="51419" tIns="25709" rIns="51419" bIns="25709" anchor="ctr"/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  <a:defRPr/>
            </a:pPr>
            <a:r>
              <a:rPr lang="ja-JP" altLang="en-US" sz="1013" dirty="0"/>
              <a:t>旧大沢野町</a:t>
            </a:r>
          </a:p>
        </p:txBody>
      </p:sp>
      <p:sp>
        <p:nvSpPr>
          <p:cNvPr id="3083" name="Rectangle 30">
            <a:extLst>
              <a:ext uri="{FF2B5EF4-FFF2-40B4-BE49-F238E27FC236}">
                <a16:creationId xmlns:a16="http://schemas.microsoft.com/office/drawing/2014/main" id="{5065A7D8-7D9B-0AB4-F27B-9C1810D10F40}"/>
              </a:ext>
            </a:extLst>
          </p:cNvPr>
          <p:cNvSpPr>
            <a:spLocks noChangeArrowheads="1"/>
          </p:cNvSpPr>
          <p:nvPr/>
        </p:nvSpPr>
        <p:spPr bwMode="auto">
          <a:xfrm>
            <a:off x="1738314" y="3517106"/>
            <a:ext cx="451247" cy="129779"/>
          </a:xfrm>
          <a:prstGeom prst="rect">
            <a:avLst/>
          </a:prstGeom>
          <a:noFill/>
          <a:ln>
            <a:noFill/>
          </a:ln>
        </p:spPr>
        <p:txBody>
          <a:bodyPr wrap="none" lIns="51419" tIns="25709" rIns="51419" bIns="25709" anchor="ctr"/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  <a:defRPr/>
            </a:pPr>
            <a:r>
              <a:rPr lang="ja-JP" altLang="en-US" sz="1013" dirty="0"/>
              <a:t>旧婦中町</a:t>
            </a:r>
          </a:p>
        </p:txBody>
      </p:sp>
      <p:sp>
        <p:nvSpPr>
          <p:cNvPr id="3084" name="Text Box 100">
            <a:extLst>
              <a:ext uri="{FF2B5EF4-FFF2-40B4-BE49-F238E27FC236}">
                <a16:creationId xmlns:a16="http://schemas.microsoft.com/office/drawing/2014/main" id="{7173B6D3-23D6-B1BA-69BD-4FEC293B37F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379120" y="3835004"/>
            <a:ext cx="1122760" cy="178960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50000"/>
              </a:spcBef>
              <a:buFontTx/>
              <a:buNone/>
              <a:defRPr/>
            </a:pPr>
            <a:r>
              <a:rPr lang="ja-JP" altLang="en-US" sz="563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富山駅上空からみた市街地</a:t>
            </a:r>
          </a:p>
        </p:txBody>
      </p:sp>
      <p:sp>
        <p:nvSpPr>
          <p:cNvPr id="68621" name="スライド番号プレースホルダー 3">
            <a:extLst>
              <a:ext uri="{FF2B5EF4-FFF2-40B4-BE49-F238E27FC236}">
                <a16:creationId xmlns:a16="http://schemas.microsoft.com/office/drawing/2014/main" id="{DE288203-66B4-EEBA-98FC-0EAA62230BD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lnSpc>
                <a:spcPct val="90000"/>
              </a:lnSpc>
              <a:spcBef>
                <a:spcPts val="563"/>
              </a:spcBef>
              <a:buFont typeface="Wingdings 2" panose="05020102010507070707" pitchFamily="18" charset="2"/>
              <a:buChar char=""/>
              <a:defRPr kumimoji="1" sz="1575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417910" indent="-160735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642938" indent="-128588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1125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900113" indent="-128588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1157288" indent="-128588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1500188" indent="-128588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1843088" indent="-128588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2185988" indent="-128588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2528888" indent="-128588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100000"/>
              </a:lnSpc>
              <a:spcBef>
                <a:spcPct val="0"/>
              </a:spcBef>
              <a:buFontTx/>
              <a:buNone/>
            </a:pPr>
            <a:r>
              <a:rPr lang="en-US" altLang="ja-JP" sz="675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-</a:t>
            </a:r>
            <a:fld id="{026F95BA-505E-4989-9BE7-88757CB5A07B}" type="slidenum">
              <a:rPr lang="en-US" altLang="ja-JP" sz="675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pPr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26</a:t>
            </a:fld>
            <a:r>
              <a:rPr lang="en-US" altLang="ja-JP" sz="675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-</a:t>
            </a:r>
          </a:p>
        </p:txBody>
      </p:sp>
      <p:sp>
        <p:nvSpPr>
          <p:cNvPr id="68622" name="Rectangle 108">
            <a:extLst>
              <a:ext uri="{FF2B5EF4-FFF2-40B4-BE49-F238E27FC236}">
                <a16:creationId xmlns:a16="http://schemas.microsoft.com/office/drawing/2014/main" id="{BDF1800C-3847-4648-7EB0-65C5EC0E0055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06180" y="1026320"/>
            <a:ext cx="1701403" cy="28336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51419" tIns="25709" rIns="51419" bIns="25709" anchor="ctr"/>
          <a:lstStyle>
            <a:lvl1pPr>
              <a:lnSpc>
                <a:spcPct val="90000"/>
              </a:lnSpc>
              <a:spcBef>
                <a:spcPts val="750"/>
              </a:spcBef>
              <a:buFont typeface="Wingdings 2" panose="05020102010507070707" pitchFamily="18" charset="2"/>
              <a:buChar char=""/>
              <a:defRPr kumimoji="1" sz="21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5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>
              <a:lnSpc>
                <a:spcPct val="100000"/>
              </a:lnSpc>
              <a:spcBef>
                <a:spcPct val="0"/>
              </a:spcBef>
              <a:buFontTx/>
              <a:buNone/>
            </a:pPr>
            <a:r>
              <a:rPr lang="ja-JP" altLang="en-US" sz="1575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　富山市</a:t>
            </a:r>
          </a:p>
        </p:txBody>
      </p:sp>
      <p:sp>
        <p:nvSpPr>
          <p:cNvPr id="68623" name="Rectangle 17">
            <a:extLst>
              <a:ext uri="{FF2B5EF4-FFF2-40B4-BE49-F238E27FC236}">
                <a16:creationId xmlns:a16="http://schemas.microsoft.com/office/drawing/2014/main" id="{2F0CF1DD-E0CF-8F30-3DB0-3534681650A0}"/>
              </a:ext>
            </a:extLst>
          </p:cNvPr>
          <p:cNvSpPr>
            <a:spLocks noChangeArrowheads="1"/>
          </p:cNvSpPr>
          <p:nvPr/>
        </p:nvSpPr>
        <p:spPr bwMode="auto">
          <a:xfrm>
            <a:off x="1484710" y="1345407"/>
            <a:ext cx="6172200" cy="6929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342900" indent="-342900">
              <a:lnSpc>
                <a:spcPct val="90000"/>
              </a:lnSpc>
              <a:spcBef>
                <a:spcPts val="750"/>
              </a:spcBef>
              <a:buFont typeface="Wingdings 2" panose="05020102010507070707" pitchFamily="18" charset="2"/>
              <a:buChar char=""/>
              <a:defRPr kumimoji="1" sz="21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5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</a:pPr>
            <a:r>
              <a:rPr lang="ja-JP" altLang="en-US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平成</a:t>
            </a:r>
            <a:r>
              <a:rPr lang="en-US" altLang="ja-JP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7</a:t>
            </a:r>
            <a:r>
              <a:rPr lang="ja-JP" altLang="en-US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年</a:t>
            </a:r>
            <a:r>
              <a:rPr lang="en-US" altLang="ja-JP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4</a:t>
            </a:r>
            <a:r>
              <a:rPr lang="ja-JP" altLang="en-US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月　</a:t>
            </a:r>
            <a:r>
              <a:rPr lang="ja-JP" altLang="en-US" sz="1500" b="1" dirty="0"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旧富山市のほか周辺６町村</a:t>
            </a:r>
            <a:r>
              <a:rPr lang="ja-JP" altLang="en-US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が合併</a:t>
            </a:r>
            <a:endParaRPr lang="en-US" altLang="ja-JP" sz="15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</a:pPr>
            <a:r>
              <a:rPr lang="ja-JP" altLang="en-US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人口は</a:t>
            </a:r>
            <a:r>
              <a:rPr lang="ja-JP" altLang="en-US" sz="1500" b="1" dirty="0"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約</a:t>
            </a:r>
            <a:r>
              <a:rPr lang="en-US" altLang="ja-JP" sz="1500" b="1" dirty="0"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42</a:t>
            </a:r>
            <a:r>
              <a:rPr lang="ja-JP" altLang="en-US" sz="1500" b="1" dirty="0"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万人</a:t>
            </a:r>
            <a:r>
              <a:rPr lang="ja-JP" altLang="en-US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、面積は県庁所在都市で</a:t>
            </a:r>
            <a:r>
              <a:rPr lang="en-US" altLang="ja-JP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2</a:t>
            </a:r>
            <a:r>
              <a:rPr lang="ja-JP" altLang="en-US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番目の広さ</a:t>
            </a:r>
            <a:r>
              <a:rPr lang="en-US" altLang="ja-JP" sz="1500" b="1" dirty="0"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,242k</a:t>
            </a:r>
            <a:r>
              <a:rPr lang="ja-JP" altLang="en-US" sz="1500" b="1" dirty="0"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㎡</a:t>
            </a:r>
            <a:endParaRPr lang="ja-JP" altLang="en-US" sz="1500" b="1" dirty="0">
              <a:solidFill>
                <a:srgbClr val="000000"/>
              </a:solidFill>
              <a:highlight>
                <a:srgbClr val="FFFF00"/>
              </a:highlight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</a:pPr>
            <a:r>
              <a:rPr lang="ja-JP" altLang="en-US" sz="1500" b="1" dirty="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合併により、</a:t>
            </a:r>
            <a:r>
              <a:rPr lang="ja-JP" altLang="en-US" sz="1500" b="1" dirty="0">
                <a:solidFill>
                  <a:srgbClr val="000000"/>
                </a:solidFill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市道延長は約</a:t>
            </a:r>
            <a:r>
              <a:rPr lang="en-US" altLang="ja-JP" sz="1500" b="1" dirty="0">
                <a:solidFill>
                  <a:srgbClr val="000000"/>
                </a:solidFill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.6</a:t>
            </a:r>
            <a:r>
              <a:rPr lang="ja-JP" altLang="en-US" sz="1500" b="1" dirty="0">
                <a:solidFill>
                  <a:srgbClr val="000000"/>
                </a:solidFill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倍、橋梁数は約</a:t>
            </a:r>
            <a:r>
              <a:rPr lang="en-US" altLang="ja-JP" sz="1500" b="1" dirty="0">
                <a:solidFill>
                  <a:srgbClr val="000000"/>
                </a:solidFill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.5</a:t>
            </a:r>
            <a:r>
              <a:rPr lang="ja-JP" altLang="en-US" sz="1500" b="1" dirty="0">
                <a:solidFill>
                  <a:srgbClr val="000000"/>
                </a:solidFill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倍、下水道延長は約</a:t>
            </a:r>
            <a:r>
              <a:rPr lang="en-US" altLang="ja-JP" sz="1500" b="1" dirty="0">
                <a:solidFill>
                  <a:srgbClr val="000000"/>
                </a:solidFill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.3</a:t>
            </a:r>
            <a:r>
              <a:rPr lang="ja-JP" altLang="en-US" sz="1500" b="1" dirty="0">
                <a:solidFill>
                  <a:srgbClr val="000000"/>
                </a:solidFill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倍</a:t>
            </a:r>
            <a:r>
              <a:rPr lang="ja-JP" altLang="en-US" sz="1500" b="1" dirty="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になるなど、社会資本ストックが増加</a:t>
            </a:r>
            <a:endParaRPr lang="en-US" altLang="ja-JP" sz="1500" b="1" dirty="0"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</a:pPr>
            <a:r>
              <a:rPr lang="ja-JP" altLang="en-US" sz="1500" b="1" dirty="0">
                <a:solidFill>
                  <a:srgbClr val="000000"/>
                </a:solidFill>
                <a:highlight>
                  <a:srgbClr val="FFFF00"/>
                </a:highlight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コンパクトシティ政策が、インフラ老朽化には感情的に逆に作用</a:t>
            </a:r>
            <a:endParaRPr lang="en-US" altLang="ja-JP" sz="1500" b="1" dirty="0">
              <a:solidFill>
                <a:srgbClr val="000000"/>
              </a:solidFill>
              <a:highlight>
                <a:srgbClr val="FFFF00"/>
              </a:highlight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68624" name="Oval 9">
            <a:extLst>
              <a:ext uri="{FF2B5EF4-FFF2-40B4-BE49-F238E27FC236}">
                <a16:creationId xmlns:a16="http://schemas.microsoft.com/office/drawing/2014/main" id="{EDCACA28-010E-20AB-0616-53F6AD64A11E}"/>
              </a:ext>
            </a:extLst>
          </p:cNvPr>
          <p:cNvSpPr>
            <a:spLocks noChangeArrowheads="1"/>
          </p:cNvSpPr>
          <p:nvPr/>
        </p:nvSpPr>
        <p:spPr bwMode="auto">
          <a:xfrm flipH="1">
            <a:off x="4090988" y="3333751"/>
            <a:ext cx="28575" cy="27385"/>
          </a:xfrm>
          <a:prstGeom prst="ellipse">
            <a:avLst/>
          </a:prstGeom>
          <a:solidFill>
            <a:srgbClr val="FF0000"/>
          </a:solidFill>
          <a:ln w="9525">
            <a:solidFill>
              <a:srgbClr val="000000"/>
            </a:solidFill>
            <a:round/>
            <a:headEnd/>
            <a:tailEnd/>
          </a:ln>
        </p:spPr>
        <p:txBody>
          <a:bodyPr/>
          <a:lstStyle>
            <a:lvl1pPr>
              <a:lnSpc>
                <a:spcPct val="90000"/>
              </a:lnSpc>
              <a:spcBef>
                <a:spcPts val="750"/>
              </a:spcBef>
              <a:buFont typeface="Wingdings 2" panose="05020102010507070707" pitchFamily="18" charset="2"/>
              <a:buChar char=""/>
              <a:defRPr kumimoji="1" sz="21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5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>
              <a:lnSpc>
                <a:spcPct val="100000"/>
              </a:lnSpc>
              <a:spcBef>
                <a:spcPct val="0"/>
              </a:spcBef>
              <a:buFontTx/>
              <a:buNone/>
            </a:pPr>
            <a:endParaRPr lang="ja-JP" altLang="ja-JP" sz="1350">
              <a:latin typeface="Arial" panose="020B0604020202020204" pitchFamily="34" charset="0"/>
            </a:endParaRPr>
          </a:p>
        </p:txBody>
      </p:sp>
      <p:sp>
        <p:nvSpPr>
          <p:cNvPr id="2" name="フリーフォーム 1">
            <a:extLst>
              <a:ext uri="{FF2B5EF4-FFF2-40B4-BE49-F238E27FC236}">
                <a16:creationId xmlns:a16="http://schemas.microsoft.com/office/drawing/2014/main" id="{2CE3BDF3-479D-F0AA-8EE2-7984A71423DD}"/>
              </a:ext>
            </a:extLst>
          </p:cNvPr>
          <p:cNvSpPr/>
          <p:nvPr/>
        </p:nvSpPr>
        <p:spPr>
          <a:xfrm>
            <a:off x="2433637" y="3121820"/>
            <a:ext cx="958454" cy="789385"/>
          </a:xfrm>
          <a:custGeom>
            <a:avLst/>
            <a:gdLst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2830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17899 w 1703196"/>
              <a:gd name="connsiteY140" fmla="*/ 368300 h 1397000"/>
              <a:gd name="connsiteX141" fmla="*/ 355999 w 1703196"/>
              <a:gd name="connsiteY141" fmla="*/ 349250 h 1397000"/>
              <a:gd name="connsiteX142" fmla="*/ 375049 w 1703196"/>
              <a:gd name="connsiteY142" fmla="*/ 342900 h 1397000"/>
              <a:gd name="connsiteX143" fmla="*/ 387749 w 1703196"/>
              <a:gd name="connsiteY143" fmla="*/ 292100 h 1397000"/>
              <a:gd name="connsiteX144" fmla="*/ 39409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63949 w 1703196"/>
              <a:gd name="connsiteY147" fmla="*/ 228600 h 1397000"/>
              <a:gd name="connsiteX148" fmla="*/ 482999 w 1703196"/>
              <a:gd name="connsiteY148" fmla="*/ 222250 h 1397000"/>
              <a:gd name="connsiteX149" fmla="*/ 502049 w 1703196"/>
              <a:gd name="connsiteY149" fmla="*/ 209550 h 1397000"/>
              <a:gd name="connsiteX150" fmla="*/ 508399 w 1703196"/>
              <a:gd name="connsiteY150" fmla="*/ 190500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17899 w 1703196"/>
              <a:gd name="connsiteY140" fmla="*/ 368300 h 1397000"/>
              <a:gd name="connsiteX141" fmla="*/ 355999 w 1703196"/>
              <a:gd name="connsiteY141" fmla="*/ 349250 h 1397000"/>
              <a:gd name="connsiteX142" fmla="*/ 375049 w 1703196"/>
              <a:gd name="connsiteY142" fmla="*/ 342900 h 1397000"/>
              <a:gd name="connsiteX143" fmla="*/ 387749 w 1703196"/>
              <a:gd name="connsiteY143" fmla="*/ 292100 h 1397000"/>
              <a:gd name="connsiteX144" fmla="*/ 39409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63949 w 1703196"/>
              <a:gd name="connsiteY147" fmla="*/ 228600 h 1397000"/>
              <a:gd name="connsiteX148" fmla="*/ 482999 w 1703196"/>
              <a:gd name="connsiteY148" fmla="*/ 222250 h 1397000"/>
              <a:gd name="connsiteX149" fmla="*/ 502049 w 1703196"/>
              <a:gd name="connsiteY149" fmla="*/ 209550 h 1397000"/>
              <a:gd name="connsiteX150" fmla="*/ 508399 w 1703196"/>
              <a:gd name="connsiteY150" fmla="*/ 190500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17899 w 1703196"/>
              <a:gd name="connsiteY140" fmla="*/ 368300 h 1397000"/>
              <a:gd name="connsiteX141" fmla="*/ 355999 w 1703196"/>
              <a:gd name="connsiteY141" fmla="*/ 349250 h 1397000"/>
              <a:gd name="connsiteX142" fmla="*/ 375049 w 1703196"/>
              <a:gd name="connsiteY142" fmla="*/ 342900 h 1397000"/>
              <a:gd name="connsiteX143" fmla="*/ 387749 w 1703196"/>
              <a:gd name="connsiteY143" fmla="*/ 292100 h 1397000"/>
              <a:gd name="connsiteX144" fmla="*/ 39409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63949 w 1703196"/>
              <a:gd name="connsiteY147" fmla="*/ 228600 h 1397000"/>
              <a:gd name="connsiteX148" fmla="*/ 482999 w 1703196"/>
              <a:gd name="connsiteY148" fmla="*/ 222250 h 1397000"/>
              <a:gd name="connsiteX149" fmla="*/ 502049 w 1703196"/>
              <a:gd name="connsiteY149" fmla="*/ 20955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17899 w 1703196"/>
              <a:gd name="connsiteY140" fmla="*/ 368300 h 1397000"/>
              <a:gd name="connsiteX141" fmla="*/ 355999 w 1703196"/>
              <a:gd name="connsiteY141" fmla="*/ 349250 h 1397000"/>
              <a:gd name="connsiteX142" fmla="*/ 375049 w 1703196"/>
              <a:gd name="connsiteY142" fmla="*/ 342900 h 1397000"/>
              <a:gd name="connsiteX143" fmla="*/ 387749 w 1703196"/>
              <a:gd name="connsiteY143" fmla="*/ 292100 h 1397000"/>
              <a:gd name="connsiteX144" fmla="*/ 39409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63949 w 1703196"/>
              <a:gd name="connsiteY147" fmla="*/ 228600 h 1397000"/>
              <a:gd name="connsiteX148" fmla="*/ 482999 w 1703196"/>
              <a:gd name="connsiteY148" fmla="*/ 222250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17899 w 1703196"/>
              <a:gd name="connsiteY140" fmla="*/ 368300 h 1397000"/>
              <a:gd name="connsiteX141" fmla="*/ 355999 w 1703196"/>
              <a:gd name="connsiteY141" fmla="*/ 349250 h 1397000"/>
              <a:gd name="connsiteX142" fmla="*/ 375049 w 1703196"/>
              <a:gd name="connsiteY142" fmla="*/ 342900 h 1397000"/>
              <a:gd name="connsiteX143" fmla="*/ 387749 w 1703196"/>
              <a:gd name="connsiteY143" fmla="*/ 292100 h 1397000"/>
              <a:gd name="connsiteX144" fmla="*/ 39409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63949 w 1703196"/>
              <a:gd name="connsiteY147" fmla="*/ 228600 h 1397000"/>
              <a:gd name="connsiteX148" fmla="*/ 452043 w 1703196"/>
              <a:gd name="connsiteY148" fmla="*/ 200819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17899 w 1703196"/>
              <a:gd name="connsiteY140" fmla="*/ 368300 h 1397000"/>
              <a:gd name="connsiteX141" fmla="*/ 355999 w 1703196"/>
              <a:gd name="connsiteY141" fmla="*/ 349250 h 1397000"/>
              <a:gd name="connsiteX142" fmla="*/ 375049 w 1703196"/>
              <a:gd name="connsiteY142" fmla="*/ 342900 h 1397000"/>
              <a:gd name="connsiteX143" fmla="*/ 387749 w 1703196"/>
              <a:gd name="connsiteY143" fmla="*/ 292100 h 1397000"/>
              <a:gd name="connsiteX144" fmla="*/ 39409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30611 w 1703196"/>
              <a:gd name="connsiteY147" fmla="*/ 214312 h 1397000"/>
              <a:gd name="connsiteX148" fmla="*/ 452043 w 1703196"/>
              <a:gd name="connsiteY148" fmla="*/ 200819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17899 w 1703196"/>
              <a:gd name="connsiteY140" fmla="*/ 368300 h 1397000"/>
              <a:gd name="connsiteX141" fmla="*/ 355999 w 1703196"/>
              <a:gd name="connsiteY141" fmla="*/ 349250 h 1397000"/>
              <a:gd name="connsiteX142" fmla="*/ 394099 w 1703196"/>
              <a:gd name="connsiteY142" fmla="*/ 342900 h 1397000"/>
              <a:gd name="connsiteX143" fmla="*/ 387749 w 1703196"/>
              <a:gd name="connsiteY143" fmla="*/ 292100 h 1397000"/>
              <a:gd name="connsiteX144" fmla="*/ 39409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30611 w 1703196"/>
              <a:gd name="connsiteY147" fmla="*/ 214312 h 1397000"/>
              <a:gd name="connsiteX148" fmla="*/ 452043 w 1703196"/>
              <a:gd name="connsiteY148" fmla="*/ 200819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17899 w 1703196"/>
              <a:gd name="connsiteY140" fmla="*/ 368300 h 1397000"/>
              <a:gd name="connsiteX141" fmla="*/ 355999 w 1703196"/>
              <a:gd name="connsiteY141" fmla="*/ 349250 h 1397000"/>
              <a:gd name="connsiteX142" fmla="*/ 394099 w 1703196"/>
              <a:gd name="connsiteY142" fmla="*/ 342900 h 1397000"/>
              <a:gd name="connsiteX143" fmla="*/ 397274 w 1703196"/>
              <a:gd name="connsiteY143" fmla="*/ 294481 h 1397000"/>
              <a:gd name="connsiteX144" fmla="*/ 39409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30611 w 1703196"/>
              <a:gd name="connsiteY147" fmla="*/ 214312 h 1397000"/>
              <a:gd name="connsiteX148" fmla="*/ 452043 w 1703196"/>
              <a:gd name="connsiteY148" fmla="*/ 200819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17899 w 1703196"/>
              <a:gd name="connsiteY140" fmla="*/ 368300 h 1397000"/>
              <a:gd name="connsiteX141" fmla="*/ 355999 w 1703196"/>
              <a:gd name="connsiteY141" fmla="*/ 349250 h 1397000"/>
              <a:gd name="connsiteX142" fmla="*/ 394099 w 1703196"/>
              <a:gd name="connsiteY142" fmla="*/ 342900 h 1397000"/>
              <a:gd name="connsiteX143" fmla="*/ 397274 w 1703196"/>
              <a:gd name="connsiteY143" fmla="*/ 294481 h 1397000"/>
              <a:gd name="connsiteX144" fmla="*/ 41314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30611 w 1703196"/>
              <a:gd name="connsiteY147" fmla="*/ 214312 h 1397000"/>
              <a:gd name="connsiteX148" fmla="*/ 452043 w 1703196"/>
              <a:gd name="connsiteY148" fmla="*/ 200819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60749 w 1703196"/>
              <a:gd name="connsiteY135" fmla="*/ 482600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03611 w 1703196"/>
              <a:gd name="connsiteY140" fmla="*/ 342107 h 1397000"/>
              <a:gd name="connsiteX141" fmla="*/ 355999 w 1703196"/>
              <a:gd name="connsiteY141" fmla="*/ 349250 h 1397000"/>
              <a:gd name="connsiteX142" fmla="*/ 394099 w 1703196"/>
              <a:gd name="connsiteY142" fmla="*/ 342900 h 1397000"/>
              <a:gd name="connsiteX143" fmla="*/ 397274 w 1703196"/>
              <a:gd name="connsiteY143" fmla="*/ 294481 h 1397000"/>
              <a:gd name="connsiteX144" fmla="*/ 41314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30611 w 1703196"/>
              <a:gd name="connsiteY147" fmla="*/ 214312 h 1397000"/>
              <a:gd name="connsiteX148" fmla="*/ 452043 w 1703196"/>
              <a:gd name="connsiteY148" fmla="*/ 200819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28999 w 1703196"/>
              <a:gd name="connsiteY133" fmla="*/ 539750 h 1397000"/>
              <a:gd name="connsiteX134" fmla="*/ 241699 w 1703196"/>
              <a:gd name="connsiteY134" fmla="*/ 495300 h 1397000"/>
              <a:gd name="connsiteX135" fmla="*/ 217886 w 1703196"/>
              <a:gd name="connsiteY135" fmla="*/ 465931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03611 w 1703196"/>
              <a:gd name="connsiteY140" fmla="*/ 342107 h 1397000"/>
              <a:gd name="connsiteX141" fmla="*/ 355999 w 1703196"/>
              <a:gd name="connsiteY141" fmla="*/ 349250 h 1397000"/>
              <a:gd name="connsiteX142" fmla="*/ 394099 w 1703196"/>
              <a:gd name="connsiteY142" fmla="*/ 342900 h 1397000"/>
              <a:gd name="connsiteX143" fmla="*/ 397274 w 1703196"/>
              <a:gd name="connsiteY143" fmla="*/ 294481 h 1397000"/>
              <a:gd name="connsiteX144" fmla="*/ 41314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30611 w 1703196"/>
              <a:gd name="connsiteY147" fmla="*/ 214312 h 1397000"/>
              <a:gd name="connsiteX148" fmla="*/ 452043 w 1703196"/>
              <a:gd name="connsiteY148" fmla="*/ 200819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97249 w 1703196"/>
              <a:gd name="connsiteY127" fmla="*/ 711200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38524 w 1703196"/>
              <a:gd name="connsiteY133" fmla="*/ 532606 h 1397000"/>
              <a:gd name="connsiteX134" fmla="*/ 241699 w 1703196"/>
              <a:gd name="connsiteY134" fmla="*/ 495300 h 1397000"/>
              <a:gd name="connsiteX135" fmla="*/ 217886 w 1703196"/>
              <a:gd name="connsiteY135" fmla="*/ 465931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03611 w 1703196"/>
              <a:gd name="connsiteY140" fmla="*/ 342107 h 1397000"/>
              <a:gd name="connsiteX141" fmla="*/ 355999 w 1703196"/>
              <a:gd name="connsiteY141" fmla="*/ 349250 h 1397000"/>
              <a:gd name="connsiteX142" fmla="*/ 394099 w 1703196"/>
              <a:gd name="connsiteY142" fmla="*/ 342900 h 1397000"/>
              <a:gd name="connsiteX143" fmla="*/ 397274 w 1703196"/>
              <a:gd name="connsiteY143" fmla="*/ 294481 h 1397000"/>
              <a:gd name="connsiteX144" fmla="*/ 41314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30611 w 1703196"/>
              <a:gd name="connsiteY147" fmla="*/ 214312 h 1397000"/>
              <a:gd name="connsiteX148" fmla="*/ 452043 w 1703196"/>
              <a:gd name="connsiteY148" fmla="*/ 200819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80580 w 1703196"/>
              <a:gd name="connsiteY127" fmla="*/ 699294 h 1397000"/>
              <a:gd name="connsiteX128" fmla="*/ 216299 w 1703196"/>
              <a:gd name="connsiteY128" fmla="*/ 698500 h 1397000"/>
              <a:gd name="connsiteX129" fmla="*/ 241699 w 1703196"/>
              <a:gd name="connsiteY129" fmla="*/ 660400 h 1397000"/>
              <a:gd name="connsiteX130" fmla="*/ 248049 w 1703196"/>
              <a:gd name="connsiteY130" fmla="*/ 615950 h 1397000"/>
              <a:gd name="connsiteX131" fmla="*/ 260749 w 1703196"/>
              <a:gd name="connsiteY131" fmla="*/ 590550 h 1397000"/>
              <a:gd name="connsiteX132" fmla="*/ 254399 w 1703196"/>
              <a:gd name="connsiteY132" fmla="*/ 571500 h 1397000"/>
              <a:gd name="connsiteX133" fmla="*/ 238524 w 1703196"/>
              <a:gd name="connsiteY133" fmla="*/ 532606 h 1397000"/>
              <a:gd name="connsiteX134" fmla="*/ 241699 w 1703196"/>
              <a:gd name="connsiteY134" fmla="*/ 495300 h 1397000"/>
              <a:gd name="connsiteX135" fmla="*/ 217886 w 1703196"/>
              <a:gd name="connsiteY135" fmla="*/ 465931 h 1397000"/>
              <a:gd name="connsiteX136" fmla="*/ 260749 w 1703196"/>
              <a:gd name="connsiteY136" fmla="*/ 425450 h 1397000"/>
              <a:gd name="connsiteX137" fmla="*/ 267099 w 1703196"/>
              <a:gd name="connsiteY137" fmla="*/ 406400 h 1397000"/>
              <a:gd name="connsiteX138" fmla="*/ 286149 w 1703196"/>
              <a:gd name="connsiteY138" fmla="*/ 400050 h 1397000"/>
              <a:gd name="connsiteX139" fmla="*/ 298849 w 1703196"/>
              <a:gd name="connsiteY139" fmla="*/ 361950 h 1397000"/>
              <a:gd name="connsiteX140" fmla="*/ 303611 w 1703196"/>
              <a:gd name="connsiteY140" fmla="*/ 342107 h 1397000"/>
              <a:gd name="connsiteX141" fmla="*/ 355999 w 1703196"/>
              <a:gd name="connsiteY141" fmla="*/ 349250 h 1397000"/>
              <a:gd name="connsiteX142" fmla="*/ 394099 w 1703196"/>
              <a:gd name="connsiteY142" fmla="*/ 342900 h 1397000"/>
              <a:gd name="connsiteX143" fmla="*/ 397274 w 1703196"/>
              <a:gd name="connsiteY143" fmla="*/ 294481 h 1397000"/>
              <a:gd name="connsiteX144" fmla="*/ 413149 w 1703196"/>
              <a:gd name="connsiteY144" fmla="*/ 273050 h 1397000"/>
              <a:gd name="connsiteX145" fmla="*/ 419499 w 1703196"/>
              <a:gd name="connsiteY145" fmla="*/ 260350 h 1397000"/>
              <a:gd name="connsiteX146" fmla="*/ 425849 w 1703196"/>
              <a:gd name="connsiteY146" fmla="*/ 234950 h 1397000"/>
              <a:gd name="connsiteX147" fmla="*/ 430611 w 1703196"/>
              <a:gd name="connsiteY147" fmla="*/ 214312 h 1397000"/>
              <a:gd name="connsiteX148" fmla="*/ 452043 w 1703196"/>
              <a:gd name="connsiteY148" fmla="*/ 200819 h 1397000"/>
              <a:gd name="connsiteX149" fmla="*/ 487761 w 1703196"/>
              <a:gd name="connsiteY149" fmla="*/ 190500 h 1397000"/>
              <a:gd name="connsiteX150" fmla="*/ 501255 w 1703196"/>
              <a:gd name="connsiteY150" fmla="*/ 164306 h 1397000"/>
              <a:gd name="connsiteX151" fmla="*/ 546499 w 1703196"/>
              <a:gd name="connsiteY151" fmla="*/ 177800 h 1397000"/>
              <a:gd name="connsiteX152" fmla="*/ 597299 w 1703196"/>
              <a:gd name="connsiteY152" fmla="*/ 165100 h 1397000"/>
              <a:gd name="connsiteX153" fmla="*/ 609999 w 1703196"/>
              <a:gd name="connsiteY153" fmla="*/ 139700 h 1397000"/>
              <a:gd name="connsiteX154" fmla="*/ 635399 w 1703196"/>
              <a:gd name="connsiteY154" fmla="*/ 57150 h 1397000"/>
              <a:gd name="connsiteX155" fmla="*/ 692549 w 1703196"/>
              <a:gd name="connsiteY155" fmla="*/ 63500 h 1397000"/>
              <a:gd name="connsiteX156" fmla="*/ 705249 w 1703196"/>
              <a:gd name="connsiteY156" fmla="*/ 44450 h 1397000"/>
              <a:gd name="connsiteX157" fmla="*/ 743349 w 1703196"/>
              <a:gd name="connsiteY157" fmla="*/ 63500 h 1397000"/>
              <a:gd name="connsiteX158" fmla="*/ 863999 w 1703196"/>
              <a:gd name="connsiteY158" fmla="*/ 38100 h 1397000"/>
              <a:gd name="connsiteX159" fmla="*/ 914799 w 1703196"/>
              <a:gd name="connsiteY159" fmla="*/ 31750 h 1397000"/>
              <a:gd name="connsiteX160" fmla="*/ 933849 w 1703196"/>
              <a:gd name="connsiteY160" fmla="*/ 19050 h 1397000"/>
              <a:gd name="connsiteX161" fmla="*/ 959249 w 1703196"/>
              <a:gd name="connsiteY161" fmla="*/ 6350 h 1397000"/>
              <a:gd name="connsiteX162" fmla="*/ 940199 w 1703196"/>
              <a:gd name="connsiteY162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82999 w 1703196"/>
              <a:gd name="connsiteY98" fmla="*/ 704850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80580 w 1703196"/>
              <a:gd name="connsiteY127" fmla="*/ 699294 h 1397000"/>
              <a:gd name="connsiteX128" fmla="*/ 241699 w 1703196"/>
              <a:gd name="connsiteY128" fmla="*/ 660400 h 1397000"/>
              <a:gd name="connsiteX129" fmla="*/ 248049 w 1703196"/>
              <a:gd name="connsiteY129" fmla="*/ 615950 h 1397000"/>
              <a:gd name="connsiteX130" fmla="*/ 260749 w 1703196"/>
              <a:gd name="connsiteY130" fmla="*/ 590550 h 1397000"/>
              <a:gd name="connsiteX131" fmla="*/ 254399 w 1703196"/>
              <a:gd name="connsiteY131" fmla="*/ 571500 h 1397000"/>
              <a:gd name="connsiteX132" fmla="*/ 238524 w 1703196"/>
              <a:gd name="connsiteY132" fmla="*/ 532606 h 1397000"/>
              <a:gd name="connsiteX133" fmla="*/ 241699 w 1703196"/>
              <a:gd name="connsiteY133" fmla="*/ 495300 h 1397000"/>
              <a:gd name="connsiteX134" fmla="*/ 217886 w 1703196"/>
              <a:gd name="connsiteY134" fmla="*/ 465931 h 1397000"/>
              <a:gd name="connsiteX135" fmla="*/ 260749 w 1703196"/>
              <a:gd name="connsiteY135" fmla="*/ 425450 h 1397000"/>
              <a:gd name="connsiteX136" fmla="*/ 267099 w 1703196"/>
              <a:gd name="connsiteY136" fmla="*/ 406400 h 1397000"/>
              <a:gd name="connsiteX137" fmla="*/ 286149 w 1703196"/>
              <a:gd name="connsiteY137" fmla="*/ 400050 h 1397000"/>
              <a:gd name="connsiteX138" fmla="*/ 298849 w 1703196"/>
              <a:gd name="connsiteY138" fmla="*/ 361950 h 1397000"/>
              <a:gd name="connsiteX139" fmla="*/ 303611 w 1703196"/>
              <a:gd name="connsiteY139" fmla="*/ 342107 h 1397000"/>
              <a:gd name="connsiteX140" fmla="*/ 355999 w 1703196"/>
              <a:gd name="connsiteY140" fmla="*/ 349250 h 1397000"/>
              <a:gd name="connsiteX141" fmla="*/ 394099 w 1703196"/>
              <a:gd name="connsiteY141" fmla="*/ 342900 h 1397000"/>
              <a:gd name="connsiteX142" fmla="*/ 397274 w 1703196"/>
              <a:gd name="connsiteY142" fmla="*/ 294481 h 1397000"/>
              <a:gd name="connsiteX143" fmla="*/ 413149 w 1703196"/>
              <a:gd name="connsiteY143" fmla="*/ 273050 h 1397000"/>
              <a:gd name="connsiteX144" fmla="*/ 419499 w 1703196"/>
              <a:gd name="connsiteY144" fmla="*/ 260350 h 1397000"/>
              <a:gd name="connsiteX145" fmla="*/ 425849 w 1703196"/>
              <a:gd name="connsiteY145" fmla="*/ 234950 h 1397000"/>
              <a:gd name="connsiteX146" fmla="*/ 430611 w 1703196"/>
              <a:gd name="connsiteY146" fmla="*/ 214312 h 1397000"/>
              <a:gd name="connsiteX147" fmla="*/ 452043 w 1703196"/>
              <a:gd name="connsiteY147" fmla="*/ 200819 h 1397000"/>
              <a:gd name="connsiteX148" fmla="*/ 487761 w 1703196"/>
              <a:gd name="connsiteY148" fmla="*/ 190500 h 1397000"/>
              <a:gd name="connsiteX149" fmla="*/ 501255 w 1703196"/>
              <a:gd name="connsiteY149" fmla="*/ 164306 h 1397000"/>
              <a:gd name="connsiteX150" fmla="*/ 546499 w 1703196"/>
              <a:gd name="connsiteY150" fmla="*/ 177800 h 1397000"/>
              <a:gd name="connsiteX151" fmla="*/ 597299 w 1703196"/>
              <a:gd name="connsiteY151" fmla="*/ 165100 h 1397000"/>
              <a:gd name="connsiteX152" fmla="*/ 609999 w 1703196"/>
              <a:gd name="connsiteY152" fmla="*/ 139700 h 1397000"/>
              <a:gd name="connsiteX153" fmla="*/ 635399 w 1703196"/>
              <a:gd name="connsiteY153" fmla="*/ 57150 h 1397000"/>
              <a:gd name="connsiteX154" fmla="*/ 692549 w 1703196"/>
              <a:gd name="connsiteY154" fmla="*/ 63500 h 1397000"/>
              <a:gd name="connsiteX155" fmla="*/ 705249 w 1703196"/>
              <a:gd name="connsiteY155" fmla="*/ 44450 h 1397000"/>
              <a:gd name="connsiteX156" fmla="*/ 743349 w 1703196"/>
              <a:gd name="connsiteY156" fmla="*/ 63500 h 1397000"/>
              <a:gd name="connsiteX157" fmla="*/ 863999 w 1703196"/>
              <a:gd name="connsiteY157" fmla="*/ 38100 h 1397000"/>
              <a:gd name="connsiteX158" fmla="*/ 914799 w 1703196"/>
              <a:gd name="connsiteY158" fmla="*/ 31750 h 1397000"/>
              <a:gd name="connsiteX159" fmla="*/ 933849 w 1703196"/>
              <a:gd name="connsiteY159" fmla="*/ 19050 h 1397000"/>
              <a:gd name="connsiteX160" fmla="*/ 959249 w 1703196"/>
              <a:gd name="connsiteY160" fmla="*/ 6350 h 1397000"/>
              <a:gd name="connsiteX161" fmla="*/ 940199 w 1703196"/>
              <a:gd name="connsiteY161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78249 w 1703196"/>
              <a:gd name="connsiteY96" fmla="*/ 723900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80580 w 1703196"/>
              <a:gd name="connsiteY127" fmla="*/ 699294 h 1397000"/>
              <a:gd name="connsiteX128" fmla="*/ 241699 w 1703196"/>
              <a:gd name="connsiteY128" fmla="*/ 660400 h 1397000"/>
              <a:gd name="connsiteX129" fmla="*/ 248049 w 1703196"/>
              <a:gd name="connsiteY129" fmla="*/ 615950 h 1397000"/>
              <a:gd name="connsiteX130" fmla="*/ 260749 w 1703196"/>
              <a:gd name="connsiteY130" fmla="*/ 590550 h 1397000"/>
              <a:gd name="connsiteX131" fmla="*/ 254399 w 1703196"/>
              <a:gd name="connsiteY131" fmla="*/ 571500 h 1397000"/>
              <a:gd name="connsiteX132" fmla="*/ 238524 w 1703196"/>
              <a:gd name="connsiteY132" fmla="*/ 532606 h 1397000"/>
              <a:gd name="connsiteX133" fmla="*/ 241699 w 1703196"/>
              <a:gd name="connsiteY133" fmla="*/ 495300 h 1397000"/>
              <a:gd name="connsiteX134" fmla="*/ 217886 w 1703196"/>
              <a:gd name="connsiteY134" fmla="*/ 465931 h 1397000"/>
              <a:gd name="connsiteX135" fmla="*/ 260749 w 1703196"/>
              <a:gd name="connsiteY135" fmla="*/ 425450 h 1397000"/>
              <a:gd name="connsiteX136" fmla="*/ 267099 w 1703196"/>
              <a:gd name="connsiteY136" fmla="*/ 406400 h 1397000"/>
              <a:gd name="connsiteX137" fmla="*/ 286149 w 1703196"/>
              <a:gd name="connsiteY137" fmla="*/ 400050 h 1397000"/>
              <a:gd name="connsiteX138" fmla="*/ 298849 w 1703196"/>
              <a:gd name="connsiteY138" fmla="*/ 361950 h 1397000"/>
              <a:gd name="connsiteX139" fmla="*/ 303611 w 1703196"/>
              <a:gd name="connsiteY139" fmla="*/ 342107 h 1397000"/>
              <a:gd name="connsiteX140" fmla="*/ 355999 w 1703196"/>
              <a:gd name="connsiteY140" fmla="*/ 349250 h 1397000"/>
              <a:gd name="connsiteX141" fmla="*/ 394099 w 1703196"/>
              <a:gd name="connsiteY141" fmla="*/ 342900 h 1397000"/>
              <a:gd name="connsiteX142" fmla="*/ 397274 w 1703196"/>
              <a:gd name="connsiteY142" fmla="*/ 294481 h 1397000"/>
              <a:gd name="connsiteX143" fmla="*/ 413149 w 1703196"/>
              <a:gd name="connsiteY143" fmla="*/ 273050 h 1397000"/>
              <a:gd name="connsiteX144" fmla="*/ 419499 w 1703196"/>
              <a:gd name="connsiteY144" fmla="*/ 260350 h 1397000"/>
              <a:gd name="connsiteX145" fmla="*/ 425849 w 1703196"/>
              <a:gd name="connsiteY145" fmla="*/ 234950 h 1397000"/>
              <a:gd name="connsiteX146" fmla="*/ 430611 w 1703196"/>
              <a:gd name="connsiteY146" fmla="*/ 214312 h 1397000"/>
              <a:gd name="connsiteX147" fmla="*/ 452043 w 1703196"/>
              <a:gd name="connsiteY147" fmla="*/ 200819 h 1397000"/>
              <a:gd name="connsiteX148" fmla="*/ 487761 w 1703196"/>
              <a:gd name="connsiteY148" fmla="*/ 190500 h 1397000"/>
              <a:gd name="connsiteX149" fmla="*/ 501255 w 1703196"/>
              <a:gd name="connsiteY149" fmla="*/ 164306 h 1397000"/>
              <a:gd name="connsiteX150" fmla="*/ 546499 w 1703196"/>
              <a:gd name="connsiteY150" fmla="*/ 177800 h 1397000"/>
              <a:gd name="connsiteX151" fmla="*/ 597299 w 1703196"/>
              <a:gd name="connsiteY151" fmla="*/ 165100 h 1397000"/>
              <a:gd name="connsiteX152" fmla="*/ 609999 w 1703196"/>
              <a:gd name="connsiteY152" fmla="*/ 139700 h 1397000"/>
              <a:gd name="connsiteX153" fmla="*/ 635399 w 1703196"/>
              <a:gd name="connsiteY153" fmla="*/ 57150 h 1397000"/>
              <a:gd name="connsiteX154" fmla="*/ 692549 w 1703196"/>
              <a:gd name="connsiteY154" fmla="*/ 63500 h 1397000"/>
              <a:gd name="connsiteX155" fmla="*/ 705249 w 1703196"/>
              <a:gd name="connsiteY155" fmla="*/ 44450 h 1397000"/>
              <a:gd name="connsiteX156" fmla="*/ 743349 w 1703196"/>
              <a:gd name="connsiteY156" fmla="*/ 63500 h 1397000"/>
              <a:gd name="connsiteX157" fmla="*/ 863999 w 1703196"/>
              <a:gd name="connsiteY157" fmla="*/ 38100 h 1397000"/>
              <a:gd name="connsiteX158" fmla="*/ 914799 w 1703196"/>
              <a:gd name="connsiteY158" fmla="*/ 31750 h 1397000"/>
              <a:gd name="connsiteX159" fmla="*/ 933849 w 1703196"/>
              <a:gd name="connsiteY159" fmla="*/ 19050 h 1397000"/>
              <a:gd name="connsiteX160" fmla="*/ 959249 w 1703196"/>
              <a:gd name="connsiteY160" fmla="*/ 6350 h 1397000"/>
              <a:gd name="connsiteX161" fmla="*/ 940199 w 1703196"/>
              <a:gd name="connsiteY161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49649 w 1703196"/>
              <a:gd name="connsiteY102" fmla="*/ 762000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80580 w 1703196"/>
              <a:gd name="connsiteY127" fmla="*/ 699294 h 1397000"/>
              <a:gd name="connsiteX128" fmla="*/ 241699 w 1703196"/>
              <a:gd name="connsiteY128" fmla="*/ 660400 h 1397000"/>
              <a:gd name="connsiteX129" fmla="*/ 248049 w 1703196"/>
              <a:gd name="connsiteY129" fmla="*/ 615950 h 1397000"/>
              <a:gd name="connsiteX130" fmla="*/ 260749 w 1703196"/>
              <a:gd name="connsiteY130" fmla="*/ 590550 h 1397000"/>
              <a:gd name="connsiteX131" fmla="*/ 254399 w 1703196"/>
              <a:gd name="connsiteY131" fmla="*/ 571500 h 1397000"/>
              <a:gd name="connsiteX132" fmla="*/ 238524 w 1703196"/>
              <a:gd name="connsiteY132" fmla="*/ 532606 h 1397000"/>
              <a:gd name="connsiteX133" fmla="*/ 241699 w 1703196"/>
              <a:gd name="connsiteY133" fmla="*/ 495300 h 1397000"/>
              <a:gd name="connsiteX134" fmla="*/ 217886 w 1703196"/>
              <a:gd name="connsiteY134" fmla="*/ 465931 h 1397000"/>
              <a:gd name="connsiteX135" fmla="*/ 260749 w 1703196"/>
              <a:gd name="connsiteY135" fmla="*/ 425450 h 1397000"/>
              <a:gd name="connsiteX136" fmla="*/ 267099 w 1703196"/>
              <a:gd name="connsiteY136" fmla="*/ 406400 h 1397000"/>
              <a:gd name="connsiteX137" fmla="*/ 286149 w 1703196"/>
              <a:gd name="connsiteY137" fmla="*/ 400050 h 1397000"/>
              <a:gd name="connsiteX138" fmla="*/ 298849 w 1703196"/>
              <a:gd name="connsiteY138" fmla="*/ 361950 h 1397000"/>
              <a:gd name="connsiteX139" fmla="*/ 303611 w 1703196"/>
              <a:gd name="connsiteY139" fmla="*/ 342107 h 1397000"/>
              <a:gd name="connsiteX140" fmla="*/ 355999 w 1703196"/>
              <a:gd name="connsiteY140" fmla="*/ 349250 h 1397000"/>
              <a:gd name="connsiteX141" fmla="*/ 394099 w 1703196"/>
              <a:gd name="connsiteY141" fmla="*/ 342900 h 1397000"/>
              <a:gd name="connsiteX142" fmla="*/ 397274 w 1703196"/>
              <a:gd name="connsiteY142" fmla="*/ 294481 h 1397000"/>
              <a:gd name="connsiteX143" fmla="*/ 413149 w 1703196"/>
              <a:gd name="connsiteY143" fmla="*/ 273050 h 1397000"/>
              <a:gd name="connsiteX144" fmla="*/ 419499 w 1703196"/>
              <a:gd name="connsiteY144" fmla="*/ 260350 h 1397000"/>
              <a:gd name="connsiteX145" fmla="*/ 425849 w 1703196"/>
              <a:gd name="connsiteY145" fmla="*/ 234950 h 1397000"/>
              <a:gd name="connsiteX146" fmla="*/ 430611 w 1703196"/>
              <a:gd name="connsiteY146" fmla="*/ 214312 h 1397000"/>
              <a:gd name="connsiteX147" fmla="*/ 452043 w 1703196"/>
              <a:gd name="connsiteY147" fmla="*/ 200819 h 1397000"/>
              <a:gd name="connsiteX148" fmla="*/ 487761 w 1703196"/>
              <a:gd name="connsiteY148" fmla="*/ 190500 h 1397000"/>
              <a:gd name="connsiteX149" fmla="*/ 501255 w 1703196"/>
              <a:gd name="connsiteY149" fmla="*/ 164306 h 1397000"/>
              <a:gd name="connsiteX150" fmla="*/ 546499 w 1703196"/>
              <a:gd name="connsiteY150" fmla="*/ 177800 h 1397000"/>
              <a:gd name="connsiteX151" fmla="*/ 597299 w 1703196"/>
              <a:gd name="connsiteY151" fmla="*/ 165100 h 1397000"/>
              <a:gd name="connsiteX152" fmla="*/ 609999 w 1703196"/>
              <a:gd name="connsiteY152" fmla="*/ 139700 h 1397000"/>
              <a:gd name="connsiteX153" fmla="*/ 635399 w 1703196"/>
              <a:gd name="connsiteY153" fmla="*/ 57150 h 1397000"/>
              <a:gd name="connsiteX154" fmla="*/ 692549 w 1703196"/>
              <a:gd name="connsiteY154" fmla="*/ 63500 h 1397000"/>
              <a:gd name="connsiteX155" fmla="*/ 705249 w 1703196"/>
              <a:gd name="connsiteY155" fmla="*/ 44450 h 1397000"/>
              <a:gd name="connsiteX156" fmla="*/ 743349 w 1703196"/>
              <a:gd name="connsiteY156" fmla="*/ 63500 h 1397000"/>
              <a:gd name="connsiteX157" fmla="*/ 863999 w 1703196"/>
              <a:gd name="connsiteY157" fmla="*/ 38100 h 1397000"/>
              <a:gd name="connsiteX158" fmla="*/ 914799 w 1703196"/>
              <a:gd name="connsiteY158" fmla="*/ 31750 h 1397000"/>
              <a:gd name="connsiteX159" fmla="*/ 933849 w 1703196"/>
              <a:gd name="connsiteY159" fmla="*/ 19050 h 1397000"/>
              <a:gd name="connsiteX160" fmla="*/ 959249 w 1703196"/>
              <a:gd name="connsiteY160" fmla="*/ 6350 h 1397000"/>
              <a:gd name="connsiteX161" fmla="*/ 940199 w 1703196"/>
              <a:gd name="connsiteY161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317899 w 1703196"/>
              <a:gd name="connsiteY104" fmla="*/ 812800 h 1397000"/>
              <a:gd name="connsiteX105" fmla="*/ 298849 w 1703196"/>
              <a:gd name="connsiteY105" fmla="*/ 819150 h 1397000"/>
              <a:gd name="connsiteX106" fmla="*/ 279799 w 1703196"/>
              <a:gd name="connsiteY106" fmla="*/ 831850 h 1397000"/>
              <a:gd name="connsiteX107" fmla="*/ 241699 w 1703196"/>
              <a:gd name="connsiteY107" fmla="*/ 844550 h 1397000"/>
              <a:gd name="connsiteX108" fmla="*/ 235349 w 1703196"/>
              <a:gd name="connsiteY108" fmla="*/ 889000 h 1397000"/>
              <a:gd name="connsiteX109" fmla="*/ 209949 w 1703196"/>
              <a:gd name="connsiteY109" fmla="*/ 908050 h 1397000"/>
              <a:gd name="connsiteX110" fmla="*/ 165499 w 1703196"/>
              <a:gd name="connsiteY110" fmla="*/ 927100 h 1397000"/>
              <a:gd name="connsiteX111" fmla="*/ 146449 w 1703196"/>
              <a:gd name="connsiteY111" fmla="*/ 939800 h 1397000"/>
              <a:gd name="connsiteX112" fmla="*/ 127399 w 1703196"/>
              <a:gd name="connsiteY112" fmla="*/ 977900 h 1397000"/>
              <a:gd name="connsiteX113" fmla="*/ 95649 w 1703196"/>
              <a:gd name="connsiteY113" fmla="*/ 990600 h 1397000"/>
              <a:gd name="connsiteX114" fmla="*/ 51199 w 1703196"/>
              <a:gd name="connsiteY114" fmla="*/ 1009650 h 1397000"/>
              <a:gd name="connsiteX115" fmla="*/ 44849 w 1703196"/>
              <a:gd name="connsiteY115" fmla="*/ 990600 h 1397000"/>
              <a:gd name="connsiteX116" fmla="*/ 25799 w 1703196"/>
              <a:gd name="connsiteY116" fmla="*/ 984250 h 1397000"/>
              <a:gd name="connsiteX117" fmla="*/ 6749 w 1703196"/>
              <a:gd name="connsiteY117" fmla="*/ 965200 h 1397000"/>
              <a:gd name="connsiteX118" fmla="*/ 13099 w 1703196"/>
              <a:gd name="connsiteY118" fmla="*/ 927100 h 1397000"/>
              <a:gd name="connsiteX119" fmla="*/ 38499 w 1703196"/>
              <a:gd name="connsiteY119" fmla="*/ 869950 h 1397000"/>
              <a:gd name="connsiteX120" fmla="*/ 57549 w 1703196"/>
              <a:gd name="connsiteY120" fmla="*/ 806450 h 1397000"/>
              <a:gd name="connsiteX121" fmla="*/ 70249 w 1703196"/>
              <a:gd name="connsiteY121" fmla="*/ 768350 h 1397000"/>
              <a:gd name="connsiteX122" fmla="*/ 76599 w 1703196"/>
              <a:gd name="connsiteY122" fmla="*/ 749300 h 1397000"/>
              <a:gd name="connsiteX123" fmla="*/ 82949 w 1703196"/>
              <a:gd name="connsiteY123" fmla="*/ 723900 h 1397000"/>
              <a:gd name="connsiteX124" fmla="*/ 101999 w 1703196"/>
              <a:gd name="connsiteY124" fmla="*/ 717550 h 1397000"/>
              <a:gd name="connsiteX125" fmla="*/ 108349 w 1703196"/>
              <a:gd name="connsiteY125" fmla="*/ 736600 h 1397000"/>
              <a:gd name="connsiteX126" fmla="*/ 152799 w 1703196"/>
              <a:gd name="connsiteY126" fmla="*/ 723900 h 1397000"/>
              <a:gd name="connsiteX127" fmla="*/ 180580 w 1703196"/>
              <a:gd name="connsiteY127" fmla="*/ 699294 h 1397000"/>
              <a:gd name="connsiteX128" fmla="*/ 241699 w 1703196"/>
              <a:gd name="connsiteY128" fmla="*/ 660400 h 1397000"/>
              <a:gd name="connsiteX129" fmla="*/ 248049 w 1703196"/>
              <a:gd name="connsiteY129" fmla="*/ 615950 h 1397000"/>
              <a:gd name="connsiteX130" fmla="*/ 260749 w 1703196"/>
              <a:gd name="connsiteY130" fmla="*/ 590550 h 1397000"/>
              <a:gd name="connsiteX131" fmla="*/ 254399 w 1703196"/>
              <a:gd name="connsiteY131" fmla="*/ 571500 h 1397000"/>
              <a:gd name="connsiteX132" fmla="*/ 238524 w 1703196"/>
              <a:gd name="connsiteY132" fmla="*/ 532606 h 1397000"/>
              <a:gd name="connsiteX133" fmla="*/ 241699 w 1703196"/>
              <a:gd name="connsiteY133" fmla="*/ 495300 h 1397000"/>
              <a:gd name="connsiteX134" fmla="*/ 217886 w 1703196"/>
              <a:gd name="connsiteY134" fmla="*/ 465931 h 1397000"/>
              <a:gd name="connsiteX135" fmla="*/ 260749 w 1703196"/>
              <a:gd name="connsiteY135" fmla="*/ 425450 h 1397000"/>
              <a:gd name="connsiteX136" fmla="*/ 267099 w 1703196"/>
              <a:gd name="connsiteY136" fmla="*/ 406400 h 1397000"/>
              <a:gd name="connsiteX137" fmla="*/ 286149 w 1703196"/>
              <a:gd name="connsiteY137" fmla="*/ 400050 h 1397000"/>
              <a:gd name="connsiteX138" fmla="*/ 298849 w 1703196"/>
              <a:gd name="connsiteY138" fmla="*/ 361950 h 1397000"/>
              <a:gd name="connsiteX139" fmla="*/ 303611 w 1703196"/>
              <a:gd name="connsiteY139" fmla="*/ 342107 h 1397000"/>
              <a:gd name="connsiteX140" fmla="*/ 355999 w 1703196"/>
              <a:gd name="connsiteY140" fmla="*/ 349250 h 1397000"/>
              <a:gd name="connsiteX141" fmla="*/ 394099 w 1703196"/>
              <a:gd name="connsiteY141" fmla="*/ 342900 h 1397000"/>
              <a:gd name="connsiteX142" fmla="*/ 397274 w 1703196"/>
              <a:gd name="connsiteY142" fmla="*/ 294481 h 1397000"/>
              <a:gd name="connsiteX143" fmla="*/ 413149 w 1703196"/>
              <a:gd name="connsiteY143" fmla="*/ 273050 h 1397000"/>
              <a:gd name="connsiteX144" fmla="*/ 419499 w 1703196"/>
              <a:gd name="connsiteY144" fmla="*/ 260350 h 1397000"/>
              <a:gd name="connsiteX145" fmla="*/ 425849 w 1703196"/>
              <a:gd name="connsiteY145" fmla="*/ 234950 h 1397000"/>
              <a:gd name="connsiteX146" fmla="*/ 430611 w 1703196"/>
              <a:gd name="connsiteY146" fmla="*/ 214312 h 1397000"/>
              <a:gd name="connsiteX147" fmla="*/ 452043 w 1703196"/>
              <a:gd name="connsiteY147" fmla="*/ 200819 h 1397000"/>
              <a:gd name="connsiteX148" fmla="*/ 487761 w 1703196"/>
              <a:gd name="connsiteY148" fmla="*/ 190500 h 1397000"/>
              <a:gd name="connsiteX149" fmla="*/ 501255 w 1703196"/>
              <a:gd name="connsiteY149" fmla="*/ 164306 h 1397000"/>
              <a:gd name="connsiteX150" fmla="*/ 546499 w 1703196"/>
              <a:gd name="connsiteY150" fmla="*/ 177800 h 1397000"/>
              <a:gd name="connsiteX151" fmla="*/ 597299 w 1703196"/>
              <a:gd name="connsiteY151" fmla="*/ 165100 h 1397000"/>
              <a:gd name="connsiteX152" fmla="*/ 609999 w 1703196"/>
              <a:gd name="connsiteY152" fmla="*/ 139700 h 1397000"/>
              <a:gd name="connsiteX153" fmla="*/ 635399 w 1703196"/>
              <a:gd name="connsiteY153" fmla="*/ 57150 h 1397000"/>
              <a:gd name="connsiteX154" fmla="*/ 692549 w 1703196"/>
              <a:gd name="connsiteY154" fmla="*/ 63500 h 1397000"/>
              <a:gd name="connsiteX155" fmla="*/ 705249 w 1703196"/>
              <a:gd name="connsiteY155" fmla="*/ 44450 h 1397000"/>
              <a:gd name="connsiteX156" fmla="*/ 743349 w 1703196"/>
              <a:gd name="connsiteY156" fmla="*/ 63500 h 1397000"/>
              <a:gd name="connsiteX157" fmla="*/ 863999 w 1703196"/>
              <a:gd name="connsiteY157" fmla="*/ 38100 h 1397000"/>
              <a:gd name="connsiteX158" fmla="*/ 914799 w 1703196"/>
              <a:gd name="connsiteY158" fmla="*/ 31750 h 1397000"/>
              <a:gd name="connsiteX159" fmla="*/ 933849 w 1703196"/>
              <a:gd name="connsiteY159" fmla="*/ 19050 h 1397000"/>
              <a:gd name="connsiteX160" fmla="*/ 959249 w 1703196"/>
              <a:gd name="connsiteY160" fmla="*/ 6350 h 1397000"/>
              <a:gd name="connsiteX161" fmla="*/ 940199 w 1703196"/>
              <a:gd name="connsiteY161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98849 w 1703196"/>
              <a:gd name="connsiteY104" fmla="*/ 819150 h 1397000"/>
              <a:gd name="connsiteX105" fmla="*/ 279799 w 1703196"/>
              <a:gd name="connsiteY105" fmla="*/ 831850 h 1397000"/>
              <a:gd name="connsiteX106" fmla="*/ 241699 w 1703196"/>
              <a:gd name="connsiteY106" fmla="*/ 844550 h 1397000"/>
              <a:gd name="connsiteX107" fmla="*/ 235349 w 1703196"/>
              <a:gd name="connsiteY107" fmla="*/ 889000 h 1397000"/>
              <a:gd name="connsiteX108" fmla="*/ 209949 w 1703196"/>
              <a:gd name="connsiteY108" fmla="*/ 908050 h 1397000"/>
              <a:gd name="connsiteX109" fmla="*/ 165499 w 1703196"/>
              <a:gd name="connsiteY109" fmla="*/ 927100 h 1397000"/>
              <a:gd name="connsiteX110" fmla="*/ 146449 w 1703196"/>
              <a:gd name="connsiteY110" fmla="*/ 939800 h 1397000"/>
              <a:gd name="connsiteX111" fmla="*/ 127399 w 1703196"/>
              <a:gd name="connsiteY111" fmla="*/ 977900 h 1397000"/>
              <a:gd name="connsiteX112" fmla="*/ 95649 w 1703196"/>
              <a:gd name="connsiteY112" fmla="*/ 990600 h 1397000"/>
              <a:gd name="connsiteX113" fmla="*/ 51199 w 1703196"/>
              <a:gd name="connsiteY113" fmla="*/ 1009650 h 1397000"/>
              <a:gd name="connsiteX114" fmla="*/ 44849 w 1703196"/>
              <a:gd name="connsiteY114" fmla="*/ 990600 h 1397000"/>
              <a:gd name="connsiteX115" fmla="*/ 25799 w 1703196"/>
              <a:gd name="connsiteY115" fmla="*/ 984250 h 1397000"/>
              <a:gd name="connsiteX116" fmla="*/ 6749 w 1703196"/>
              <a:gd name="connsiteY116" fmla="*/ 965200 h 1397000"/>
              <a:gd name="connsiteX117" fmla="*/ 13099 w 1703196"/>
              <a:gd name="connsiteY117" fmla="*/ 927100 h 1397000"/>
              <a:gd name="connsiteX118" fmla="*/ 38499 w 1703196"/>
              <a:gd name="connsiteY118" fmla="*/ 869950 h 1397000"/>
              <a:gd name="connsiteX119" fmla="*/ 57549 w 1703196"/>
              <a:gd name="connsiteY119" fmla="*/ 806450 h 1397000"/>
              <a:gd name="connsiteX120" fmla="*/ 70249 w 1703196"/>
              <a:gd name="connsiteY120" fmla="*/ 768350 h 1397000"/>
              <a:gd name="connsiteX121" fmla="*/ 76599 w 1703196"/>
              <a:gd name="connsiteY121" fmla="*/ 749300 h 1397000"/>
              <a:gd name="connsiteX122" fmla="*/ 82949 w 1703196"/>
              <a:gd name="connsiteY122" fmla="*/ 723900 h 1397000"/>
              <a:gd name="connsiteX123" fmla="*/ 101999 w 1703196"/>
              <a:gd name="connsiteY123" fmla="*/ 717550 h 1397000"/>
              <a:gd name="connsiteX124" fmla="*/ 108349 w 1703196"/>
              <a:gd name="connsiteY124" fmla="*/ 736600 h 1397000"/>
              <a:gd name="connsiteX125" fmla="*/ 152799 w 1703196"/>
              <a:gd name="connsiteY125" fmla="*/ 723900 h 1397000"/>
              <a:gd name="connsiteX126" fmla="*/ 180580 w 1703196"/>
              <a:gd name="connsiteY126" fmla="*/ 699294 h 1397000"/>
              <a:gd name="connsiteX127" fmla="*/ 241699 w 1703196"/>
              <a:gd name="connsiteY127" fmla="*/ 660400 h 1397000"/>
              <a:gd name="connsiteX128" fmla="*/ 248049 w 1703196"/>
              <a:gd name="connsiteY128" fmla="*/ 615950 h 1397000"/>
              <a:gd name="connsiteX129" fmla="*/ 260749 w 1703196"/>
              <a:gd name="connsiteY129" fmla="*/ 590550 h 1397000"/>
              <a:gd name="connsiteX130" fmla="*/ 254399 w 1703196"/>
              <a:gd name="connsiteY130" fmla="*/ 571500 h 1397000"/>
              <a:gd name="connsiteX131" fmla="*/ 238524 w 1703196"/>
              <a:gd name="connsiteY131" fmla="*/ 532606 h 1397000"/>
              <a:gd name="connsiteX132" fmla="*/ 241699 w 1703196"/>
              <a:gd name="connsiteY132" fmla="*/ 495300 h 1397000"/>
              <a:gd name="connsiteX133" fmla="*/ 217886 w 1703196"/>
              <a:gd name="connsiteY133" fmla="*/ 465931 h 1397000"/>
              <a:gd name="connsiteX134" fmla="*/ 260749 w 1703196"/>
              <a:gd name="connsiteY134" fmla="*/ 425450 h 1397000"/>
              <a:gd name="connsiteX135" fmla="*/ 267099 w 1703196"/>
              <a:gd name="connsiteY135" fmla="*/ 406400 h 1397000"/>
              <a:gd name="connsiteX136" fmla="*/ 286149 w 1703196"/>
              <a:gd name="connsiteY136" fmla="*/ 400050 h 1397000"/>
              <a:gd name="connsiteX137" fmla="*/ 298849 w 1703196"/>
              <a:gd name="connsiteY137" fmla="*/ 361950 h 1397000"/>
              <a:gd name="connsiteX138" fmla="*/ 303611 w 1703196"/>
              <a:gd name="connsiteY138" fmla="*/ 342107 h 1397000"/>
              <a:gd name="connsiteX139" fmla="*/ 355999 w 1703196"/>
              <a:gd name="connsiteY139" fmla="*/ 349250 h 1397000"/>
              <a:gd name="connsiteX140" fmla="*/ 394099 w 1703196"/>
              <a:gd name="connsiteY140" fmla="*/ 342900 h 1397000"/>
              <a:gd name="connsiteX141" fmla="*/ 397274 w 1703196"/>
              <a:gd name="connsiteY141" fmla="*/ 294481 h 1397000"/>
              <a:gd name="connsiteX142" fmla="*/ 413149 w 1703196"/>
              <a:gd name="connsiteY142" fmla="*/ 273050 h 1397000"/>
              <a:gd name="connsiteX143" fmla="*/ 419499 w 1703196"/>
              <a:gd name="connsiteY143" fmla="*/ 260350 h 1397000"/>
              <a:gd name="connsiteX144" fmla="*/ 425849 w 1703196"/>
              <a:gd name="connsiteY144" fmla="*/ 234950 h 1397000"/>
              <a:gd name="connsiteX145" fmla="*/ 430611 w 1703196"/>
              <a:gd name="connsiteY145" fmla="*/ 214312 h 1397000"/>
              <a:gd name="connsiteX146" fmla="*/ 452043 w 1703196"/>
              <a:gd name="connsiteY146" fmla="*/ 200819 h 1397000"/>
              <a:gd name="connsiteX147" fmla="*/ 487761 w 1703196"/>
              <a:gd name="connsiteY147" fmla="*/ 190500 h 1397000"/>
              <a:gd name="connsiteX148" fmla="*/ 501255 w 1703196"/>
              <a:gd name="connsiteY148" fmla="*/ 164306 h 1397000"/>
              <a:gd name="connsiteX149" fmla="*/ 546499 w 1703196"/>
              <a:gd name="connsiteY149" fmla="*/ 177800 h 1397000"/>
              <a:gd name="connsiteX150" fmla="*/ 597299 w 1703196"/>
              <a:gd name="connsiteY150" fmla="*/ 165100 h 1397000"/>
              <a:gd name="connsiteX151" fmla="*/ 609999 w 1703196"/>
              <a:gd name="connsiteY151" fmla="*/ 139700 h 1397000"/>
              <a:gd name="connsiteX152" fmla="*/ 635399 w 1703196"/>
              <a:gd name="connsiteY152" fmla="*/ 57150 h 1397000"/>
              <a:gd name="connsiteX153" fmla="*/ 692549 w 1703196"/>
              <a:gd name="connsiteY153" fmla="*/ 63500 h 1397000"/>
              <a:gd name="connsiteX154" fmla="*/ 705249 w 1703196"/>
              <a:gd name="connsiteY154" fmla="*/ 44450 h 1397000"/>
              <a:gd name="connsiteX155" fmla="*/ 743349 w 1703196"/>
              <a:gd name="connsiteY155" fmla="*/ 63500 h 1397000"/>
              <a:gd name="connsiteX156" fmla="*/ 863999 w 1703196"/>
              <a:gd name="connsiteY156" fmla="*/ 38100 h 1397000"/>
              <a:gd name="connsiteX157" fmla="*/ 914799 w 1703196"/>
              <a:gd name="connsiteY157" fmla="*/ 31750 h 1397000"/>
              <a:gd name="connsiteX158" fmla="*/ 933849 w 1703196"/>
              <a:gd name="connsiteY158" fmla="*/ 19050 h 1397000"/>
              <a:gd name="connsiteX159" fmla="*/ 959249 w 1703196"/>
              <a:gd name="connsiteY159" fmla="*/ 6350 h 1397000"/>
              <a:gd name="connsiteX160" fmla="*/ 940199 w 1703196"/>
              <a:gd name="connsiteY160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79799 w 1703196"/>
              <a:gd name="connsiteY104" fmla="*/ 831850 h 1397000"/>
              <a:gd name="connsiteX105" fmla="*/ 241699 w 1703196"/>
              <a:gd name="connsiteY105" fmla="*/ 844550 h 1397000"/>
              <a:gd name="connsiteX106" fmla="*/ 235349 w 1703196"/>
              <a:gd name="connsiteY106" fmla="*/ 889000 h 1397000"/>
              <a:gd name="connsiteX107" fmla="*/ 209949 w 1703196"/>
              <a:gd name="connsiteY107" fmla="*/ 908050 h 1397000"/>
              <a:gd name="connsiteX108" fmla="*/ 165499 w 1703196"/>
              <a:gd name="connsiteY108" fmla="*/ 927100 h 1397000"/>
              <a:gd name="connsiteX109" fmla="*/ 146449 w 1703196"/>
              <a:gd name="connsiteY109" fmla="*/ 939800 h 1397000"/>
              <a:gd name="connsiteX110" fmla="*/ 127399 w 1703196"/>
              <a:gd name="connsiteY110" fmla="*/ 977900 h 1397000"/>
              <a:gd name="connsiteX111" fmla="*/ 95649 w 1703196"/>
              <a:gd name="connsiteY111" fmla="*/ 990600 h 1397000"/>
              <a:gd name="connsiteX112" fmla="*/ 51199 w 1703196"/>
              <a:gd name="connsiteY112" fmla="*/ 1009650 h 1397000"/>
              <a:gd name="connsiteX113" fmla="*/ 44849 w 1703196"/>
              <a:gd name="connsiteY113" fmla="*/ 990600 h 1397000"/>
              <a:gd name="connsiteX114" fmla="*/ 25799 w 1703196"/>
              <a:gd name="connsiteY114" fmla="*/ 984250 h 1397000"/>
              <a:gd name="connsiteX115" fmla="*/ 6749 w 1703196"/>
              <a:gd name="connsiteY115" fmla="*/ 965200 h 1397000"/>
              <a:gd name="connsiteX116" fmla="*/ 13099 w 1703196"/>
              <a:gd name="connsiteY116" fmla="*/ 927100 h 1397000"/>
              <a:gd name="connsiteX117" fmla="*/ 38499 w 1703196"/>
              <a:gd name="connsiteY117" fmla="*/ 869950 h 1397000"/>
              <a:gd name="connsiteX118" fmla="*/ 57549 w 1703196"/>
              <a:gd name="connsiteY118" fmla="*/ 806450 h 1397000"/>
              <a:gd name="connsiteX119" fmla="*/ 70249 w 1703196"/>
              <a:gd name="connsiteY119" fmla="*/ 768350 h 1397000"/>
              <a:gd name="connsiteX120" fmla="*/ 76599 w 1703196"/>
              <a:gd name="connsiteY120" fmla="*/ 749300 h 1397000"/>
              <a:gd name="connsiteX121" fmla="*/ 82949 w 1703196"/>
              <a:gd name="connsiteY121" fmla="*/ 723900 h 1397000"/>
              <a:gd name="connsiteX122" fmla="*/ 101999 w 1703196"/>
              <a:gd name="connsiteY122" fmla="*/ 717550 h 1397000"/>
              <a:gd name="connsiteX123" fmla="*/ 108349 w 1703196"/>
              <a:gd name="connsiteY123" fmla="*/ 736600 h 1397000"/>
              <a:gd name="connsiteX124" fmla="*/ 152799 w 1703196"/>
              <a:gd name="connsiteY124" fmla="*/ 723900 h 1397000"/>
              <a:gd name="connsiteX125" fmla="*/ 180580 w 1703196"/>
              <a:gd name="connsiteY125" fmla="*/ 699294 h 1397000"/>
              <a:gd name="connsiteX126" fmla="*/ 241699 w 1703196"/>
              <a:gd name="connsiteY126" fmla="*/ 660400 h 1397000"/>
              <a:gd name="connsiteX127" fmla="*/ 248049 w 1703196"/>
              <a:gd name="connsiteY127" fmla="*/ 615950 h 1397000"/>
              <a:gd name="connsiteX128" fmla="*/ 260749 w 1703196"/>
              <a:gd name="connsiteY128" fmla="*/ 590550 h 1397000"/>
              <a:gd name="connsiteX129" fmla="*/ 254399 w 1703196"/>
              <a:gd name="connsiteY129" fmla="*/ 571500 h 1397000"/>
              <a:gd name="connsiteX130" fmla="*/ 238524 w 1703196"/>
              <a:gd name="connsiteY130" fmla="*/ 532606 h 1397000"/>
              <a:gd name="connsiteX131" fmla="*/ 241699 w 1703196"/>
              <a:gd name="connsiteY131" fmla="*/ 495300 h 1397000"/>
              <a:gd name="connsiteX132" fmla="*/ 217886 w 1703196"/>
              <a:gd name="connsiteY132" fmla="*/ 465931 h 1397000"/>
              <a:gd name="connsiteX133" fmla="*/ 260749 w 1703196"/>
              <a:gd name="connsiteY133" fmla="*/ 425450 h 1397000"/>
              <a:gd name="connsiteX134" fmla="*/ 267099 w 1703196"/>
              <a:gd name="connsiteY134" fmla="*/ 406400 h 1397000"/>
              <a:gd name="connsiteX135" fmla="*/ 286149 w 1703196"/>
              <a:gd name="connsiteY135" fmla="*/ 400050 h 1397000"/>
              <a:gd name="connsiteX136" fmla="*/ 298849 w 1703196"/>
              <a:gd name="connsiteY136" fmla="*/ 361950 h 1397000"/>
              <a:gd name="connsiteX137" fmla="*/ 303611 w 1703196"/>
              <a:gd name="connsiteY137" fmla="*/ 342107 h 1397000"/>
              <a:gd name="connsiteX138" fmla="*/ 355999 w 1703196"/>
              <a:gd name="connsiteY138" fmla="*/ 349250 h 1397000"/>
              <a:gd name="connsiteX139" fmla="*/ 394099 w 1703196"/>
              <a:gd name="connsiteY139" fmla="*/ 342900 h 1397000"/>
              <a:gd name="connsiteX140" fmla="*/ 397274 w 1703196"/>
              <a:gd name="connsiteY140" fmla="*/ 294481 h 1397000"/>
              <a:gd name="connsiteX141" fmla="*/ 413149 w 1703196"/>
              <a:gd name="connsiteY141" fmla="*/ 273050 h 1397000"/>
              <a:gd name="connsiteX142" fmla="*/ 419499 w 1703196"/>
              <a:gd name="connsiteY142" fmla="*/ 260350 h 1397000"/>
              <a:gd name="connsiteX143" fmla="*/ 425849 w 1703196"/>
              <a:gd name="connsiteY143" fmla="*/ 234950 h 1397000"/>
              <a:gd name="connsiteX144" fmla="*/ 430611 w 1703196"/>
              <a:gd name="connsiteY144" fmla="*/ 214312 h 1397000"/>
              <a:gd name="connsiteX145" fmla="*/ 452043 w 1703196"/>
              <a:gd name="connsiteY145" fmla="*/ 200819 h 1397000"/>
              <a:gd name="connsiteX146" fmla="*/ 487761 w 1703196"/>
              <a:gd name="connsiteY146" fmla="*/ 190500 h 1397000"/>
              <a:gd name="connsiteX147" fmla="*/ 501255 w 1703196"/>
              <a:gd name="connsiteY147" fmla="*/ 164306 h 1397000"/>
              <a:gd name="connsiteX148" fmla="*/ 546499 w 1703196"/>
              <a:gd name="connsiteY148" fmla="*/ 177800 h 1397000"/>
              <a:gd name="connsiteX149" fmla="*/ 597299 w 1703196"/>
              <a:gd name="connsiteY149" fmla="*/ 165100 h 1397000"/>
              <a:gd name="connsiteX150" fmla="*/ 609999 w 1703196"/>
              <a:gd name="connsiteY150" fmla="*/ 139700 h 1397000"/>
              <a:gd name="connsiteX151" fmla="*/ 635399 w 1703196"/>
              <a:gd name="connsiteY151" fmla="*/ 57150 h 1397000"/>
              <a:gd name="connsiteX152" fmla="*/ 692549 w 1703196"/>
              <a:gd name="connsiteY152" fmla="*/ 63500 h 1397000"/>
              <a:gd name="connsiteX153" fmla="*/ 705249 w 1703196"/>
              <a:gd name="connsiteY153" fmla="*/ 44450 h 1397000"/>
              <a:gd name="connsiteX154" fmla="*/ 743349 w 1703196"/>
              <a:gd name="connsiteY154" fmla="*/ 63500 h 1397000"/>
              <a:gd name="connsiteX155" fmla="*/ 863999 w 1703196"/>
              <a:gd name="connsiteY155" fmla="*/ 38100 h 1397000"/>
              <a:gd name="connsiteX156" fmla="*/ 914799 w 1703196"/>
              <a:gd name="connsiteY156" fmla="*/ 31750 h 1397000"/>
              <a:gd name="connsiteX157" fmla="*/ 933849 w 1703196"/>
              <a:gd name="connsiteY157" fmla="*/ 19050 h 1397000"/>
              <a:gd name="connsiteX158" fmla="*/ 959249 w 1703196"/>
              <a:gd name="connsiteY158" fmla="*/ 6350 h 1397000"/>
              <a:gd name="connsiteX159" fmla="*/ 940199 w 1703196"/>
              <a:gd name="connsiteY159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98899 w 1703196"/>
              <a:gd name="connsiteY92" fmla="*/ 79375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79799 w 1703196"/>
              <a:gd name="connsiteY104" fmla="*/ 831850 h 1397000"/>
              <a:gd name="connsiteX105" fmla="*/ 241699 w 1703196"/>
              <a:gd name="connsiteY105" fmla="*/ 844550 h 1397000"/>
              <a:gd name="connsiteX106" fmla="*/ 209156 w 1703196"/>
              <a:gd name="connsiteY106" fmla="*/ 874713 h 1397000"/>
              <a:gd name="connsiteX107" fmla="*/ 209949 w 1703196"/>
              <a:gd name="connsiteY107" fmla="*/ 908050 h 1397000"/>
              <a:gd name="connsiteX108" fmla="*/ 165499 w 1703196"/>
              <a:gd name="connsiteY108" fmla="*/ 927100 h 1397000"/>
              <a:gd name="connsiteX109" fmla="*/ 146449 w 1703196"/>
              <a:gd name="connsiteY109" fmla="*/ 939800 h 1397000"/>
              <a:gd name="connsiteX110" fmla="*/ 127399 w 1703196"/>
              <a:gd name="connsiteY110" fmla="*/ 977900 h 1397000"/>
              <a:gd name="connsiteX111" fmla="*/ 95649 w 1703196"/>
              <a:gd name="connsiteY111" fmla="*/ 990600 h 1397000"/>
              <a:gd name="connsiteX112" fmla="*/ 51199 w 1703196"/>
              <a:gd name="connsiteY112" fmla="*/ 1009650 h 1397000"/>
              <a:gd name="connsiteX113" fmla="*/ 44849 w 1703196"/>
              <a:gd name="connsiteY113" fmla="*/ 990600 h 1397000"/>
              <a:gd name="connsiteX114" fmla="*/ 25799 w 1703196"/>
              <a:gd name="connsiteY114" fmla="*/ 984250 h 1397000"/>
              <a:gd name="connsiteX115" fmla="*/ 6749 w 1703196"/>
              <a:gd name="connsiteY115" fmla="*/ 965200 h 1397000"/>
              <a:gd name="connsiteX116" fmla="*/ 13099 w 1703196"/>
              <a:gd name="connsiteY116" fmla="*/ 927100 h 1397000"/>
              <a:gd name="connsiteX117" fmla="*/ 38499 w 1703196"/>
              <a:gd name="connsiteY117" fmla="*/ 869950 h 1397000"/>
              <a:gd name="connsiteX118" fmla="*/ 57549 w 1703196"/>
              <a:gd name="connsiteY118" fmla="*/ 806450 h 1397000"/>
              <a:gd name="connsiteX119" fmla="*/ 70249 w 1703196"/>
              <a:gd name="connsiteY119" fmla="*/ 768350 h 1397000"/>
              <a:gd name="connsiteX120" fmla="*/ 76599 w 1703196"/>
              <a:gd name="connsiteY120" fmla="*/ 749300 h 1397000"/>
              <a:gd name="connsiteX121" fmla="*/ 82949 w 1703196"/>
              <a:gd name="connsiteY121" fmla="*/ 723900 h 1397000"/>
              <a:gd name="connsiteX122" fmla="*/ 101999 w 1703196"/>
              <a:gd name="connsiteY122" fmla="*/ 717550 h 1397000"/>
              <a:gd name="connsiteX123" fmla="*/ 108349 w 1703196"/>
              <a:gd name="connsiteY123" fmla="*/ 736600 h 1397000"/>
              <a:gd name="connsiteX124" fmla="*/ 152799 w 1703196"/>
              <a:gd name="connsiteY124" fmla="*/ 723900 h 1397000"/>
              <a:gd name="connsiteX125" fmla="*/ 180580 w 1703196"/>
              <a:gd name="connsiteY125" fmla="*/ 699294 h 1397000"/>
              <a:gd name="connsiteX126" fmla="*/ 241699 w 1703196"/>
              <a:gd name="connsiteY126" fmla="*/ 660400 h 1397000"/>
              <a:gd name="connsiteX127" fmla="*/ 248049 w 1703196"/>
              <a:gd name="connsiteY127" fmla="*/ 615950 h 1397000"/>
              <a:gd name="connsiteX128" fmla="*/ 260749 w 1703196"/>
              <a:gd name="connsiteY128" fmla="*/ 590550 h 1397000"/>
              <a:gd name="connsiteX129" fmla="*/ 254399 w 1703196"/>
              <a:gd name="connsiteY129" fmla="*/ 571500 h 1397000"/>
              <a:gd name="connsiteX130" fmla="*/ 238524 w 1703196"/>
              <a:gd name="connsiteY130" fmla="*/ 532606 h 1397000"/>
              <a:gd name="connsiteX131" fmla="*/ 241699 w 1703196"/>
              <a:gd name="connsiteY131" fmla="*/ 495300 h 1397000"/>
              <a:gd name="connsiteX132" fmla="*/ 217886 w 1703196"/>
              <a:gd name="connsiteY132" fmla="*/ 465931 h 1397000"/>
              <a:gd name="connsiteX133" fmla="*/ 260749 w 1703196"/>
              <a:gd name="connsiteY133" fmla="*/ 425450 h 1397000"/>
              <a:gd name="connsiteX134" fmla="*/ 267099 w 1703196"/>
              <a:gd name="connsiteY134" fmla="*/ 406400 h 1397000"/>
              <a:gd name="connsiteX135" fmla="*/ 286149 w 1703196"/>
              <a:gd name="connsiteY135" fmla="*/ 400050 h 1397000"/>
              <a:gd name="connsiteX136" fmla="*/ 298849 w 1703196"/>
              <a:gd name="connsiteY136" fmla="*/ 361950 h 1397000"/>
              <a:gd name="connsiteX137" fmla="*/ 303611 w 1703196"/>
              <a:gd name="connsiteY137" fmla="*/ 342107 h 1397000"/>
              <a:gd name="connsiteX138" fmla="*/ 355999 w 1703196"/>
              <a:gd name="connsiteY138" fmla="*/ 349250 h 1397000"/>
              <a:gd name="connsiteX139" fmla="*/ 394099 w 1703196"/>
              <a:gd name="connsiteY139" fmla="*/ 342900 h 1397000"/>
              <a:gd name="connsiteX140" fmla="*/ 397274 w 1703196"/>
              <a:gd name="connsiteY140" fmla="*/ 294481 h 1397000"/>
              <a:gd name="connsiteX141" fmla="*/ 413149 w 1703196"/>
              <a:gd name="connsiteY141" fmla="*/ 273050 h 1397000"/>
              <a:gd name="connsiteX142" fmla="*/ 419499 w 1703196"/>
              <a:gd name="connsiteY142" fmla="*/ 260350 h 1397000"/>
              <a:gd name="connsiteX143" fmla="*/ 425849 w 1703196"/>
              <a:gd name="connsiteY143" fmla="*/ 234950 h 1397000"/>
              <a:gd name="connsiteX144" fmla="*/ 430611 w 1703196"/>
              <a:gd name="connsiteY144" fmla="*/ 214312 h 1397000"/>
              <a:gd name="connsiteX145" fmla="*/ 452043 w 1703196"/>
              <a:gd name="connsiteY145" fmla="*/ 200819 h 1397000"/>
              <a:gd name="connsiteX146" fmla="*/ 487761 w 1703196"/>
              <a:gd name="connsiteY146" fmla="*/ 190500 h 1397000"/>
              <a:gd name="connsiteX147" fmla="*/ 501255 w 1703196"/>
              <a:gd name="connsiteY147" fmla="*/ 164306 h 1397000"/>
              <a:gd name="connsiteX148" fmla="*/ 546499 w 1703196"/>
              <a:gd name="connsiteY148" fmla="*/ 177800 h 1397000"/>
              <a:gd name="connsiteX149" fmla="*/ 597299 w 1703196"/>
              <a:gd name="connsiteY149" fmla="*/ 165100 h 1397000"/>
              <a:gd name="connsiteX150" fmla="*/ 609999 w 1703196"/>
              <a:gd name="connsiteY150" fmla="*/ 139700 h 1397000"/>
              <a:gd name="connsiteX151" fmla="*/ 635399 w 1703196"/>
              <a:gd name="connsiteY151" fmla="*/ 57150 h 1397000"/>
              <a:gd name="connsiteX152" fmla="*/ 692549 w 1703196"/>
              <a:gd name="connsiteY152" fmla="*/ 63500 h 1397000"/>
              <a:gd name="connsiteX153" fmla="*/ 705249 w 1703196"/>
              <a:gd name="connsiteY153" fmla="*/ 44450 h 1397000"/>
              <a:gd name="connsiteX154" fmla="*/ 743349 w 1703196"/>
              <a:gd name="connsiteY154" fmla="*/ 63500 h 1397000"/>
              <a:gd name="connsiteX155" fmla="*/ 863999 w 1703196"/>
              <a:gd name="connsiteY155" fmla="*/ 38100 h 1397000"/>
              <a:gd name="connsiteX156" fmla="*/ 914799 w 1703196"/>
              <a:gd name="connsiteY156" fmla="*/ 31750 h 1397000"/>
              <a:gd name="connsiteX157" fmla="*/ 933849 w 1703196"/>
              <a:gd name="connsiteY157" fmla="*/ 19050 h 1397000"/>
              <a:gd name="connsiteX158" fmla="*/ 959249 w 1703196"/>
              <a:gd name="connsiteY158" fmla="*/ 6350 h 1397000"/>
              <a:gd name="connsiteX159" fmla="*/ 940199 w 1703196"/>
              <a:gd name="connsiteY159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41849 w 1703196"/>
              <a:gd name="connsiteY30" fmla="*/ 488950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84611 w 1703196"/>
              <a:gd name="connsiteY92" fmla="*/ 77470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79799 w 1703196"/>
              <a:gd name="connsiteY104" fmla="*/ 831850 h 1397000"/>
              <a:gd name="connsiteX105" fmla="*/ 241699 w 1703196"/>
              <a:gd name="connsiteY105" fmla="*/ 844550 h 1397000"/>
              <a:gd name="connsiteX106" fmla="*/ 209156 w 1703196"/>
              <a:gd name="connsiteY106" fmla="*/ 874713 h 1397000"/>
              <a:gd name="connsiteX107" fmla="*/ 209949 w 1703196"/>
              <a:gd name="connsiteY107" fmla="*/ 908050 h 1397000"/>
              <a:gd name="connsiteX108" fmla="*/ 165499 w 1703196"/>
              <a:gd name="connsiteY108" fmla="*/ 927100 h 1397000"/>
              <a:gd name="connsiteX109" fmla="*/ 146449 w 1703196"/>
              <a:gd name="connsiteY109" fmla="*/ 939800 h 1397000"/>
              <a:gd name="connsiteX110" fmla="*/ 127399 w 1703196"/>
              <a:gd name="connsiteY110" fmla="*/ 977900 h 1397000"/>
              <a:gd name="connsiteX111" fmla="*/ 95649 w 1703196"/>
              <a:gd name="connsiteY111" fmla="*/ 990600 h 1397000"/>
              <a:gd name="connsiteX112" fmla="*/ 51199 w 1703196"/>
              <a:gd name="connsiteY112" fmla="*/ 1009650 h 1397000"/>
              <a:gd name="connsiteX113" fmla="*/ 44849 w 1703196"/>
              <a:gd name="connsiteY113" fmla="*/ 990600 h 1397000"/>
              <a:gd name="connsiteX114" fmla="*/ 25799 w 1703196"/>
              <a:gd name="connsiteY114" fmla="*/ 984250 h 1397000"/>
              <a:gd name="connsiteX115" fmla="*/ 6749 w 1703196"/>
              <a:gd name="connsiteY115" fmla="*/ 965200 h 1397000"/>
              <a:gd name="connsiteX116" fmla="*/ 13099 w 1703196"/>
              <a:gd name="connsiteY116" fmla="*/ 927100 h 1397000"/>
              <a:gd name="connsiteX117" fmla="*/ 38499 w 1703196"/>
              <a:gd name="connsiteY117" fmla="*/ 869950 h 1397000"/>
              <a:gd name="connsiteX118" fmla="*/ 57549 w 1703196"/>
              <a:gd name="connsiteY118" fmla="*/ 806450 h 1397000"/>
              <a:gd name="connsiteX119" fmla="*/ 70249 w 1703196"/>
              <a:gd name="connsiteY119" fmla="*/ 768350 h 1397000"/>
              <a:gd name="connsiteX120" fmla="*/ 76599 w 1703196"/>
              <a:gd name="connsiteY120" fmla="*/ 749300 h 1397000"/>
              <a:gd name="connsiteX121" fmla="*/ 82949 w 1703196"/>
              <a:gd name="connsiteY121" fmla="*/ 723900 h 1397000"/>
              <a:gd name="connsiteX122" fmla="*/ 101999 w 1703196"/>
              <a:gd name="connsiteY122" fmla="*/ 717550 h 1397000"/>
              <a:gd name="connsiteX123" fmla="*/ 108349 w 1703196"/>
              <a:gd name="connsiteY123" fmla="*/ 736600 h 1397000"/>
              <a:gd name="connsiteX124" fmla="*/ 152799 w 1703196"/>
              <a:gd name="connsiteY124" fmla="*/ 723900 h 1397000"/>
              <a:gd name="connsiteX125" fmla="*/ 180580 w 1703196"/>
              <a:gd name="connsiteY125" fmla="*/ 699294 h 1397000"/>
              <a:gd name="connsiteX126" fmla="*/ 241699 w 1703196"/>
              <a:gd name="connsiteY126" fmla="*/ 660400 h 1397000"/>
              <a:gd name="connsiteX127" fmla="*/ 248049 w 1703196"/>
              <a:gd name="connsiteY127" fmla="*/ 615950 h 1397000"/>
              <a:gd name="connsiteX128" fmla="*/ 260749 w 1703196"/>
              <a:gd name="connsiteY128" fmla="*/ 590550 h 1397000"/>
              <a:gd name="connsiteX129" fmla="*/ 254399 w 1703196"/>
              <a:gd name="connsiteY129" fmla="*/ 571500 h 1397000"/>
              <a:gd name="connsiteX130" fmla="*/ 238524 w 1703196"/>
              <a:gd name="connsiteY130" fmla="*/ 532606 h 1397000"/>
              <a:gd name="connsiteX131" fmla="*/ 241699 w 1703196"/>
              <a:gd name="connsiteY131" fmla="*/ 495300 h 1397000"/>
              <a:gd name="connsiteX132" fmla="*/ 217886 w 1703196"/>
              <a:gd name="connsiteY132" fmla="*/ 465931 h 1397000"/>
              <a:gd name="connsiteX133" fmla="*/ 260749 w 1703196"/>
              <a:gd name="connsiteY133" fmla="*/ 425450 h 1397000"/>
              <a:gd name="connsiteX134" fmla="*/ 267099 w 1703196"/>
              <a:gd name="connsiteY134" fmla="*/ 406400 h 1397000"/>
              <a:gd name="connsiteX135" fmla="*/ 286149 w 1703196"/>
              <a:gd name="connsiteY135" fmla="*/ 400050 h 1397000"/>
              <a:gd name="connsiteX136" fmla="*/ 298849 w 1703196"/>
              <a:gd name="connsiteY136" fmla="*/ 361950 h 1397000"/>
              <a:gd name="connsiteX137" fmla="*/ 303611 w 1703196"/>
              <a:gd name="connsiteY137" fmla="*/ 342107 h 1397000"/>
              <a:gd name="connsiteX138" fmla="*/ 355999 w 1703196"/>
              <a:gd name="connsiteY138" fmla="*/ 349250 h 1397000"/>
              <a:gd name="connsiteX139" fmla="*/ 394099 w 1703196"/>
              <a:gd name="connsiteY139" fmla="*/ 342900 h 1397000"/>
              <a:gd name="connsiteX140" fmla="*/ 397274 w 1703196"/>
              <a:gd name="connsiteY140" fmla="*/ 294481 h 1397000"/>
              <a:gd name="connsiteX141" fmla="*/ 413149 w 1703196"/>
              <a:gd name="connsiteY141" fmla="*/ 273050 h 1397000"/>
              <a:gd name="connsiteX142" fmla="*/ 419499 w 1703196"/>
              <a:gd name="connsiteY142" fmla="*/ 260350 h 1397000"/>
              <a:gd name="connsiteX143" fmla="*/ 425849 w 1703196"/>
              <a:gd name="connsiteY143" fmla="*/ 234950 h 1397000"/>
              <a:gd name="connsiteX144" fmla="*/ 430611 w 1703196"/>
              <a:gd name="connsiteY144" fmla="*/ 214312 h 1397000"/>
              <a:gd name="connsiteX145" fmla="*/ 452043 w 1703196"/>
              <a:gd name="connsiteY145" fmla="*/ 200819 h 1397000"/>
              <a:gd name="connsiteX146" fmla="*/ 487761 w 1703196"/>
              <a:gd name="connsiteY146" fmla="*/ 190500 h 1397000"/>
              <a:gd name="connsiteX147" fmla="*/ 501255 w 1703196"/>
              <a:gd name="connsiteY147" fmla="*/ 164306 h 1397000"/>
              <a:gd name="connsiteX148" fmla="*/ 546499 w 1703196"/>
              <a:gd name="connsiteY148" fmla="*/ 177800 h 1397000"/>
              <a:gd name="connsiteX149" fmla="*/ 597299 w 1703196"/>
              <a:gd name="connsiteY149" fmla="*/ 165100 h 1397000"/>
              <a:gd name="connsiteX150" fmla="*/ 609999 w 1703196"/>
              <a:gd name="connsiteY150" fmla="*/ 139700 h 1397000"/>
              <a:gd name="connsiteX151" fmla="*/ 635399 w 1703196"/>
              <a:gd name="connsiteY151" fmla="*/ 57150 h 1397000"/>
              <a:gd name="connsiteX152" fmla="*/ 692549 w 1703196"/>
              <a:gd name="connsiteY152" fmla="*/ 63500 h 1397000"/>
              <a:gd name="connsiteX153" fmla="*/ 705249 w 1703196"/>
              <a:gd name="connsiteY153" fmla="*/ 44450 h 1397000"/>
              <a:gd name="connsiteX154" fmla="*/ 743349 w 1703196"/>
              <a:gd name="connsiteY154" fmla="*/ 63500 h 1397000"/>
              <a:gd name="connsiteX155" fmla="*/ 863999 w 1703196"/>
              <a:gd name="connsiteY155" fmla="*/ 38100 h 1397000"/>
              <a:gd name="connsiteX156" fmla="*/ 914799 w 1703196"/>
              <a:gd name="connsiteY156" fmla="*/ 31750 h 1397000"/>
              <a:gd name="connsiteX157" fmla="*/ 933849 w 1703196"/>
              <a:gd name="connsiteY157" fmla="*/ 19050 h 1397000"/>
              <a:gd name="connsiteX158" fmla="*/ 959249 w 1703196"/>
              <a:gd name="connsiteY158" fmla="*/ 6350 h 1397000"/>
              <a:gd name="connsiteX159" fmla="*/ 940199 w 1703196"/>
              <a:gd name="connsiteY159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73599 w 1703196"/>
              <a:gd name="connsiteY29" fmla="*/ 495300 h 1397000"/>
              <a:gd name="connsiteX30" fmla="*/ 1463280 w 1703196"/>
              <a:gd name="connsiteY30" fmla="*/ 453231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84611 w 1703196"/>
              <a:gd name="connsiteY92" fmla="*/ 77470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79799 w 1703196"/>
              <a:gd name="connsiteY104" fmla="*/ 831850 h 1397000"/>
              <a:gd name="connsiteX105" fmla="*/ 241699 w 1703196"/>
              <a:gd name="connsiteY105" fmla="*/ 844550 h 1397000"/>
              <a:gd name="connsiteX106" fmla="*/ 209156 w 1703196"/>
              <a:gd name="connsiteY106" fmla="*/ 874713 h 1397000"/>
              <a:gd name="connsiteX107" fmla="*/ 209949 w 1703196"/>
              <a:gd name="connsiteY107" fmla="*/ 908050 h 1397000"/>
              <a:gd name="connsiteX108" fmla="*/ 165499 w 1703196"/>
              <a:gd name="connsiteY108" fmla="*/ 927100 h 1397000"/>
              <a:gd name="connsiteX109" fmla="*/ 146449 w 1703196"/>
              <a:gd name="connsiteY109" fmla="*/ 939800 h 1397000"/>
              <a:gd name="connsiteX110" fmla="*/ 127399 w 1703196"/>
              <a:gd name="connsiteY110" fmla="*/ 977900 h 1397000"/>
              <a:gd name="connsiteX111" fmla="*/ 95649 w 1703196"/>
              <a:gd name="connsiteY111" fmla="*/ 990600 h 1397000"/>
              <a:gd name="connsiteX112" fmla="*/ 51199 w 1703196"/>
              <a:gd name="connsiteY112" fmla="*/ 1009650 h 1397000"/>
              <a:gd name="connsiteX113" fmla="*/ 44849 w 1703196"/>
              <a:gd name="connsiteY113" fmla="*/ 990600 h 1397000"/>
              <a:gd name="connsiteX114" fmla="*/ 25799 w 1703196"/>
              <a:gd name="connsiteY114" fmla="*/ 984250 h 1397000"/>
              <a:gd name="connsiteX115" fmla="*/ 6749 w 1703196"/>
              <a:gd name="connsiteY115" fmla="*/ 965200 h 1397000"/>
              <a:gd name="connsiteX116" fmla="*/ 13099 w 1703196"/>
              <a:gd name="connsiteY116" fmla="*/ 927100 h 1397000"/>
              <a:gd name="connsiteX117" fmla="*/ 38499 w 1703196"/>
              <a:gd name="connsiteY117" fmla="*/ 869950 h 1397000"/>
              <a:gd name="connsiteX118" fmla="*/ 57549 w 1703196"/>
              <a:gd name="connsiteY118" fmla="*/ 806450 h 1397000"/>
              <a:gd name="connsiteX119" fmla="*/ 70249 w 1703196"/>
              <a:gd name="connsiteY119" fmla="*/ 768350 h 1397000"/>
              <a:gd name="connsiteX120" fmla="*/ 76599 w 1703196"/>
              <a:gd name="connsiteY120" fmla="*/ 749300 h 1397000"/>
              <a:gd name="connsiteX121" fmla="*/ 82949 w 1703196"/>
              <a:gd name="connsiteY121" fmla="*/ 723900 h 1397000"/>
              <a:gd name="connsiteX122" fmla="*/ 101999 w 1703196"/>
              <a:gd name="connsiteY122" fmla="*/ 717550 h 1397000"/>
              <a:gd name="connsiteX123" fmla="*/ 108349 w 1703196"/>
              <a:gd name="connsiteY123" fmla="*/ 736600 h 1397000"/>
              <a:gd name="connsiteX124" fmla="*/ 152799 w 1703196"/>
              <a:gd name="connsiteY124" fmla="*/ 723900 h 1397000"/>
              <a:gd name="connsiteX125" fmla="*/ 180580 w 1703196"/>
              <a:gd name="connsiteY125" fmla="*/ 699294 h 1397000"/>
              <a:gd name="connsiteX126" fmla="*/ 241699 w 1703196"/>
              <a:gd name="connsiteY126" fmla="*/ 660400 h 1397000"/>
              <a:gd name="connsiteX127" fmla="*/ 248049 w 1703196"/>
              <a:gd name="connsiteY127" fmla="*/ 615950 h 1397000"/>
              <a:gd name="connsiteX128" fmla="*/ 260749 w 1703196"/>
              <a:gd name="connsiteY128" fmla="*/ 590550 h 1397000"/>
              <a:gd name="connsiteX129" fmla="*/ 254399 w 1703196"/>
              <a:gd name="connsiteY129" fmla="*/ 571500 h 1397000"/>
              <a:gd name="connsiteX130" fmla="*/ 238524 w 1703196"/>
              <a:gd name="connsiteY130" fmla="*/ 532606 h 1397000"/>
              <a:gd name="connsiteX131" fmla="*/ 241699 w 1703196"/>
              <a:gd name="connsiteY131" fmla="*/ 495300 h 1397000"/>
              <a:gd name="connsiteX132" fmla="*/ 217886 w 1703196"/>
              <a:gd name="connsiteY132" fmla="*/ 465931 h 1397000"/>
              <a:gd name="connsiteX133" fmla="*/ 260749 w 1703196"/>
              <a:gd name="connsiteY133" fmla="*/ 425450 h 1397000"/>
              <a:gd name="connsiteX134" fmla="*/ 267099 w 1703196"/>
              <a:gd name="connsiteY134" fmla="*/ 406400 h 1397000"/>
              <a:gd name="connsiteX135" fmla="*/ 286149 w 1703196"/>
              <a:gd name="connsiteY135" fmla="*/ 400050 h 1397000"/>
              <a:gd name="connsiteX136" fmla="*/ 298849 w 1703196"/>
              <a:gd name="connsiteY136" fmla="*/ 361950 h 1397000"/>
              <a:gd name="connsiteX137" fmla="*/ 303611 w 1703196"/>
              <a:gd name="connsiteY137" fmla="*/ 342107 h 1397000"/>
              <a:gd name="connsiteX138" fmla="*/ 355999 w 1703196"/>
              <a:gd name="connsiteY138" fmla="*/ 349250 h 1397000"/>
              <a:gd name="connsiteX139" fmla="*/ 394099 w 1703196"/>
              <a:gd name="connsiteY139" fmla="*/ 342900 h 1397000"/>
              <a:gd name="connsiteX140" fmla="*/ 397274 w 1703196"/>
              <a:gd name="connsiteY140" fmla="*/ 294481 h 1397000"/>
              <a:gd name="connsiteX141" fmla="*/ 413149 w 1703196"/>
              <a:gd name="connsiteY141" fmla="*/ 273050 h 1397000"/>
              <a:gd name="connsiteX142" fmla="*/ 419499 w 1703196"/>
              <a:gd name="connsiteY142" fmla="*/ 260350 h 1397000"/>
              <a:gd name="connsiteX143" fmla="*/ 425849 w 1703196"/>
              <a:gd name="connsiteY143" fmla="*/ 234950 h 1397000"/>
              <a:gd name="connsiteX144" fmla="*/ 430611 w 1703196"/>
              <a:gd name="connsiteY144" fmla="*/ 214312 h 1397000"/>
              <a:gd name="connsiteX145" fmla="*/ 452043 w 1703196"/>
              <a:gd name="connsiteY145" fmla="*/ 200819 h 1397000"/>
              <a:gd name="connsiteX146" fmla="*/ 487761 w 1703196"/>
              <a:gd name="connsiteY146" fmla="*/ 190500 h 1397000"/>
              <a:gd name="connsiteX147" fmla="*/ 501255 w 1703196"/>
              <a:gd name="connsiteY147" fmla="*/ 164306 h 1397000"/>
              <a:gd name="connsiteX148" fmla="*/ 546499 w 1703196"/>
              <a:gd name="connsiteY148" fmla="*/ 177800 h 1397000"/>
              <a:gd name="connsiteX149" fmla="*/ 597299 w 1703196"/>
              <a:gd name="connsiteY149" fmla="*/ 165100 h 1397000"/>
              <a:gd name="connsiteX150" fmla="*/ 609999 w 1703196"/>
              <a:gd name="connsiteY150" fmla="*/ 139700 h 1397000"/>
              <a:gd name="connsiteX151" fmla="*/ 635399 w 1703196"/>
              <a:gd name="connsiteY151" fmla="*/ 57150 h 1397000"/>
              <a:gd name="connsiteX152" fmla="*/ 692549 w 1703196"/>
              <a:gd name="connsiteY152" fmla="*/ 63500 h 1397000"/>
              <a:gd name="connsiteX153" fmla="*/ 705249 w 1703196"/>
              <a:gd name="connsiteY153" fmla="*/ 44450 h 1397000"/>
              <a:gd name="connsiteX154" fmla="*/ 743349 w 1703196"/>
              <a:gd name="connsiteY154" fmla="*/ 63500 h 1397000"/>
              <a:gd name="connsiteX155" fmla="*/ 863999 w 1703196"/>
              <a:gd name="connsiteY155" fmla="*/ 38100 h 1397000"/>
              <a:gd name="connsiteX156" fmla="*/ 914799 w 1703196"/>
              <a:gd name="connsiteY156" fmla="*/ 31750 h 1397000"/>
              <a:gd name="connsiteX157" fmla="*/ 933849 w 1703196"/>
              <a:gd name="connsiteY157" fmla="*/ 19050 h 1397000"/>
              <a:gd name="connsiteX158" fmla="*/ 959249 w 1703196"/>
              <a:gd name="connsiteY158" fmla="*/ 6350 h 1397000"/>
              <a:gd name="connsiteX159" fmla="*/ 940199 w 1703196"/>
              <a:gd name="connsiteY159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99793 w 1703196"/>
              <a:gd name="connsiteY29" fmla="*/ 464343 h 1397000"/>
              <a:gd name="connsiteX30" fmla="*/ 1463280 w 1703196"/>
              <a:gd name="connsiteY30" fmla="*/ 453231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84611 w 1703196"/>
              <a:gd name="connsiteY92" fmla="*/ 77470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79799 w 1703196"/>
              <a:gd name="connsiteY104" fmla="*/ 831850 h 1397000"/>
              <a:gd name="connsiteX105" fmla="*/ 241699 w 1703196"/>
              <a:gd name="connsiteY105" fmla="*/ 844550 h 1397000"/>
              <a:gd name="connsiteX106" fmla="*/ 209156 w 1703196"/>
              <a:gd name="connsiteY106" fmla="*/ 874713 h 1397000"/>
              <a:gd name="connsiteX107" fmla="*/ 209949 w 1703196"/>
              <a:gd name="connsiteY107" fmla="*/ 908050 h 1397000"/>
              <a:gd name="connsiteX108" fmla="*/ 165499 w 1703196"/>
              <a:gd name="connsiteY108" fmla="*/ 927100 h 1397000"/>
              <a:gd name="connsiteX109" fmla="*/ 146449 w 1703196"/>
              <a:gd name="connsiteY109" fmla="*/ 939800 h 1397000"/>
              <a:gd name="connsiteX110" fmla="*/ 127399 w 1703196"/>
              <a:gd name="connsiteY110" fmla="*/ 977900 h 1397000"/>
              <a:gd name="connsiteX111" fmla="*/ 95649 w 1703196"/>
              <a:gd name="connsiteY111" fmla="*/ 990600 h 1397000"/>
              <a:gd name="connsiteX112" fmla="*/ 51199 w 1703196"/>
              <a:gd name="connsiteY112" fmla="*/ 1009650 h 1397000"/>
              <a:gd name="connsiteX113" fmla="*/ 44849 w 1703196"/>
              <a:gd name="connsiteY113" fmla="*/ 990600 h 1397000"/>
              <a:gd name="connsiteX114" fmla="*/ 25799 w 1703196"/>
              <a:gd name="connsiteY114" fmla="*/ 984250 h 1397000"/>
              <a:gd name="connsiteX115" fmla="*/ 6749 w 1703196"/>
              <a:gd name="connsiteY115" fmla="*/ 965200 h 1397000"/>
              <a:gd name="connsiteX116" fmla="*/ 13099 w 1703196"/>
              <a:gd name="connsiteY116" fmla="*/ 927100 h 1397000"/>
              <a:gd name="connsiteX117" fmla="*/ 38499 w 1703196"/>
              <a:gd name="connsiteY117" fmla="*/ 869950 h 1397000"/>
              <a:gd name="connsiteX118" fmla="*/ 57549 w 1703196"/>
              <a:gd name="connsiteY118" fmla="*/ 806450 h 1397000"/>
              <a:gd name="connsiteX119" fmla="*/ 70249 w 1703196"/>
              <a:gd name="connsiteY119" fmla="*/ 768350 h 1397000"/>
              <a:gd name="connsiteX120" fmla="*/ 76599 w 1703196"/>
              <a:gd name="connsiteY120" fmla="*/ 749300 h 1397000"/>
              <a:gd name="connsiteX121" fmla="*/ 82949 w 1703196"/>
              <a:gd name="connsiteY121" fmla="*/ 723900 h 1397000"/>
              <a:gd name="connsiteX122" fmla="*/ 101999 w 1703196"/>
              <a:gd name="connsiteY122" fmla="*/ 717550 h 1397000"/>
              <a:gd name="connsiteX123" fmla="*/ 108349 w 1703196"/>
              <a:gd name="connsiteY123" fmla="*/ 736600 h 1397000"/>
              <a:gd name="connsiteX124" fmla="*/ 152799 w 1703196"/>
              <a:gd name="connsiteY124" fmla="*/ 723900 h 1397000"/>
              <a:gd name="connsiteX125" fmla="*/ 180580 w 1703196"/>
              <a:gd name="connsiteY125" fmla="*/ 699294 h 1397000"/>
              <a:gd name="connsiteX126" fmla="*/ 241699 w 1703196"/>
              <a:gd name="connsiteY126" fmla="*/ 660400 h 1397000"/>
              <a:gd name="connsiteX127" fmla="*/ 248049 w 1703196"/>
              <a:gd name="connsiteY127" fmla="*/ 615950 h 1397000"/>
              <a:gd name="connsiteX128" fmla="*/ 260749 w 1703196"/>
              <a:gd name="connsiteY128" fmla="*/ 590550 h 1397000"/>
              <a:gd name="connsiteX129" fmla="*/ 254399 w 1703196"/>
              <a:gd name="connsiteY129" fmla="*/ 571500 h 1397000"/>
              <a:gd name="connsiteX130" fmla="*/ 238524 w 1703196"/>
              <a:gd name="connsiteY130" fmla="*/ 532606 h 1397000"/>
              <a:gd name="connsiteX131" fmla="*/ 241699 w 1703196"/>
              <a:gd name="connsiteY131" fmla="*/ 495300 h 1397000"/>
              <a:gd name="connsiteX132" fmla="*/ 217886 w 1703196"/>
              <a:gd name="connsiteY132" fmla="*/ 465931 h 1397000"/>
              <a:gd name="connsiteX133" fmla="*/ 260749 w 1703196"/>
              <a:gd name="connsiteY133" fmla="*/ 425450 h 1397000"/>
              <a:gd name="connsiteX134" fmla="*/ 267099 w 1703196"/>
              <a:gd name="connsiteY134" fmla="*/ 406400 h 1397000"/>
              <a:gd name="connsiteX135" fmla="*/ 286149 w 1703196"/>
              <a:gd name="connsiteY135" fmla="*/ 400050 h 1397000"/>
              <a:gd name="connsiteX136" fmla="*/ 298849 w 1703196"/>
              <a:gd name="connsiteY136" fmla="*/ 361950 h 1397000"/>
              <a:gd name="connsiteX137" fmla="*/ 303611 w 1703196"/>
              <a:gd name="connsiteY137" fmla="*/ 342107 h 1397000"/>
              <a:gd name="connsiteX138" fmla="*/ 355999 w 1703196"/>
              <a:gd name="connsiteY138" fmla="*/ 349250 h 1397000"/>
              <a:gd name="connsiteX139" fmla="*/ 394099 w 1703196"/>
              <a:gd name="connsiteY139" fmla="*/ 342900 h 1397000"/>
              <a:gd name="connsiteX140" fmla="*/ 397274 w 1703196"/>
              <a:gd name="connsiteY140" fmla="*/ 294481 h 1397000"/>
              <a:gd name="connsiteX141" fmla="*/ 413149 w 1703196"/>
              <a:gd name="connsiteY141" fmla="*/ 273050 h 1397000"/>
              <a:gd name="connsiteX142" fmla="*/ 419499 w 1703196"/>
              <a:gd name="connsiteY142" fmla="*/ 260350 h 1397000"/>
              <a:gd name="connsiteX143" fmla="*/ 425849 w 1703196"/>
              <a:gd name="connsiteY143" fmla="*/ 234950 h 1397000"/>
              <a:gd name="connsiteX144" fmla="*/ 430611 w 1703196"/>
              <a:gd name="connsiteY144" fmla="*/ 214312 h 1397000"/>
              <a:gd name="connsiteX145" fmla="*/ 452043 w 1703196"/>
              <a:gd name="connsiteY145" fmla="*/ 200819 h 1397000"/>
              <a:gd name="connsiteX146" fmla="*/ 487761 w 1703196"/>
              <a:gd name="connsiteY146" fmla="*/ 190500 h 1397000"/>
              <a:gd name="connsiteX147" fmla="*/ 501255 w 1703196"/>
              <a:gd name="connsiteY147" fmla="*/ 164306 h 1397000"/>
              <a:gd name="connsiteX148" fmla="*/ 546499 w 1703196"/>
              <a:gd name="connsiteY148" fmla="*/ 177800 h 1397000"/>
              <a:gd name="connsiteX149" fmla="*/ 597299 w 1703196"/>
              <a:gd name="connsiteY149" fmla="*/ 165100 h 1397000"/>
              <a:gd name="connsiteX150" fmla="*/ 609999 w 1703196"/>
              <a:gd name="connsiteY150" fmla="*/ 139700 h 1397000"/>
              <a:gd name="connsiteX151" fmla="*/ 635399 w 1703196"/>
              <a:gd name="connsiteY151" fmla="*/ 57150 h 1397000"/>
              <a:gd name="connsiteX152" fmla="*/ 692549 w 1703196"/>
              <a:gd name="connsiteY152" fmla="*/ 63500 h 1397000"/>
              <a:gd name="connsiteX153" fmla="*/ 705249 w 1703196"/>
              <a:gd name="connsiteY153" fmla="*/ 44450 h 1397000"/>
              <a:gd name="connsiteX154" fmla="*/ 743349 w 1703196"/>
              <a:gd name="connsiteY154" fmla="*/ 63500 h 1397000"/>
              <a:gd name="connsiteX155" fmla="*/ 863999 w 1703196"/>
              <a:gd name="connsiteY155" fmla="*/ 38100 h 1397000"/>
              <a:gd name="connsiteX156" fmla="*/ 914799 w 1703196"/>
              <a:gd name="connsiteY156" fmla="*/ 31750 h 1397000"/>
              <a:gd name="connsiteX157" fmla="*/ 933849 w 1703196"/>
              <a:gd name="connsiteY157" fmla="*/ 19050 h 1397000"/>
              <a:gd name="connsiteX158" fmla="*/ 959249 w 1703196"/>
              <a:gd name="connsiteY158" fmla="*/ 6350 h 1397000"/>
              <a:gd name="connsiteX159" fmla="*/ 940199 w 1703196"/>
              <a:gd name="connsiteY159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49799 w 1703196"/>
              <a:gd name="connsiteY25" fmla="*/ 425450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80743 w 1703196"/>
              <a:gd name="connsiteY29" fmla="*/ 485775 h 1397000"/>
              <a:gd name="connsiteX30" fmla="*/ 1463280 w 1703196"/>
              <a:gd name="connsiteY30" fmla="*/ 453231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84611 w 1703196"/>
              <a:gd name="connsiteY92" fmla="*/ 77470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79799 w 1703196"/>
              <a:gd name="connsiteY104" fmla="*/ 831850 h 1397000"/>
              <a:gd name="connsiteX105" fmla="*/ 241699 w 1703196"/>
              <a:gd name="connsiteY105" fmla="*/ 844550 h 1397000"/>
              <a:gd name="connsiteX106" fmla="*/ 209156 w 1703196"/>
              <a:gd name="connsiteY106" fmla="*/ 874713 h 1397000"/>
              <a:gd name="connsiteX107" fmla="*/ 209949 w 1703196"/>
              <a:gd name="connsiteY107" fmla="*/ 908050 h 1397000"/>
              <a:gd name="connsiteX108" fmla="*/ 165499 w 1703196"/>
              <a:gd name="connsiteY108" fmla="*/ 927100 h 1397000"/>
              <a:gd name="connsiteX109" fmla="*/ 146449 w 1703196"/>
              <a:gd name="connsiteY109" fmla="*/ 939800 h 1397000"/>
              <a:gd name="connsiteX110" fmla="*/ 127399 w 1703196"/>
              <a:gd name="connsiteY110" fmla="*/ 977900 h 1397000"/>
              <a:gd name="connsiteX111" fmla="*/ 95649 w 1703196"/>
              <a:gd name="connsiteY111" fmla="*/ 990600 h 1397000"/>
              <a:gd name="connsiteX112" fmla="*/ 51199 w 1703196"/>
              <a:gd name="connsiteY112" fmla="*/ 1009650 h 1397000"/>
              <a:gd name="connsiteX113" fmla="*/ 44849 w 1703196"/>
              <a:gd name="connsiteY113" fmla="*/ 990600 h 1397000"/>
              <a:gd name="connsiteX114" fmla="*/ 25799 w 1703196"/>
              <a:gd name="connsiteY114" fmla="*/ 984250 h 1397000"/>
              <a:gd name="connsiteX115" fmla="*/ 6749 w 1703196"/>
              <a:gd name="connsiteY115" fmla="*/ 965200 h 1397000"/>
              <a:gd name="connsiteX116" fmla="*/ 13099 w 1703196"/>
              <a:gd name="connsiteY116" fmla="*/ 927100 h 1397000"/>
              <a:gd name="connsiteX117" fmla="*/ 38499 w 1703196"/>
              <a:gd name="connsiteY117" fmla="*/ 869950 h 1397000"/>
              <a:gd name="connsiteX118" fmla="*/ 57549 w 1703196"/>
              <a:gd name="connsiteY118" fmla="*/ 806450 h 1397000"/>
              <a:gd name="connsiteX119" fmla="*/ 70249 w 1703196"/>
              <a:gd name="connsiteY119" fmla="*/ 768350 h 1397000"/>
              <a:gd name="connsiteX120" fmla="*/ 76599 w 1703196"/>
              <a:gd name="connsiteY120" fmla="*/ 749300 h 1397000"/>
              <a:gd name="connsiteX121" fmla="*/ 82949 w 1703196"/>
              <a:gd name="connsiteY121" fmla="*/ 723900 h 1397000"/>
              <a:gd name="connsiteX122" fmla="*/ 101999 w 1703196"/>
              <a:gd name="connsiteY122" fmla="*/ 717550 h 1397000"/>
              <a:gd name="connsiteX123" fmla="*/ 108349 w 1703196"/>
              <a:gd name="connsiteY123" fmla="*/ 736600 h 1397000"/>
              <a:gd name="connsiteX124" fmla="*/ 152799 w 1703196"/>
              <a:gd name="connsiteY124" fmla="*/ 723900 h 1397000"/>
              <a:gd name="connsiteX125" fmla="*/ 180580 w 1703196"/>
              <a:gd name="connsiteY125" fmla="*/ 699294 h 1397000"/>
              <a:gd name="connsiteX126" fmla="*/ 241699 w 1703196"/>
              <a:gd name="connsiteY126" fmla="*/ 660400 h 1397000"/>
              <a:gd name="connsiteX127" fmla="*/ 248049 w 1703196"/>
              <a:gd name="connsiteY127" fmla="*/ 615950 h 1397000"/>
              <a:gd name="connsiteX128" fmla="*/ 260749 w 1703196"/>
              <a:gd name="connsiteY128" fmla="*/ 590550 h 1397000"/>
              <a:gd name="connsiteX129" fmla="*/ 254399 w 1703196"/>
              <a:gd name="connsiteY129" fmla="*/ 571500 h 1397000"/>
              <a:gd name="connsiteX130" fmla="*/ 238524 w 1703196"/>
              <a:gd name="connsiteY130" fmla="*/ 532606 h 1397000"/>
              <a:gd name="connsiteX131" fmla="*/ 241699 w 1703196"/>
              <a:gd name="connsiteY131" fmla="*/ 495300 h 1397000"/>
              <a:gd name="connsiteX132" fmla="*/ 217886 w 1703196"/>
              <a:gd name="connsiteY132" fmla="*/ 465931 h 1397000"/>
              <a:gd name="connsiteX133" fmla="*/ 260749 w 1703196"/>
              <a:gd name="connsiteY133" fmla="*/ 425450 h 1397000"/>
              <a:gd name="connsiteX134" fmla="*/ 267099 w 1703196"/>
              <a:gd name="connsiteY134" fmla="*/ 406400 h 1397000"/>
              <a:gd name="connsiteX135" fmla="*/ 286149 w 1703196"/>
              <a:gd name="connsiteY135" fmla="*/ 400050 h 1397000"/>
              <a:gd name="connsiteX136" fmla="*/ 298849 w 1703196"/>
              <a:gd name="connsiteY136" fmla="*/ 361950 h 1397000"/>
              <a:gd name="connsiteX137" fmla="*/ 303611 w 1703196"/>
              <a:gd name="connsiteY137" fmla="*/ 342107 h 1397000"/>
              <a:gd name="connsiteX138" fmla="*/ 355999 w 1703196"/>
              <a:gd name="connsiteY138" fmla="*/ 349250 h 1397000"/>
              <a:gd name="connsiteX139" fmla="*/ 394099 w 1703196"/>
              <a:gd name="connsiteY139" fmla="*/ 342900 h 1397000"/>
              <a:gd name="connsiteX140" fmla="*/ 397274 w 1703196"/>
              <a:gd name="connsiteY140" fmla="*/ 294481 h 1397000"/>
              <a:gd name="connsiteX141" fmla="*/ 413149 w 1703196"/>
              <a:gd name="connsiteY141" fmla="*/ 273050 h 1397000"/>
              <a:gd name="connsiteX142" fmla="*/ 419499 w 1703196"/>
              <a:gd name="connsiteY142" fmla="*/ 260350 h 1397000"/>
              <a:gd name="connsiteX143" fmla="*/ 425849 w 1703196"/>
              <a:gd name="connsiteY143" fmla="*/ 234950 h 1397000"/>
              <a:gd name="connsiteX144" fmla="*/ 430611 w 1703196"/>
              <a:gd name="connsiteY144" fmla="*/ 214312 h 1397000"/>
              <a:gd name="connsiteX145" fmla="*/ 452043 w 1703196"/>
              <a:gd name="connsiteY145" fmla="*/ 200819 h 1397000"/>
              <a:gd name="connsiteX146" fmla="*/ 487761 w 1703196"/>
              <a:gd name="connsiteY146" fmla="*/ 190500 h 1397000"/>
              <a:gd name="connsiteX147" fmla="*/ 501255 w 1703196"/>
              <a:gd name="connsiteY147" fmla="*/ 164306 h 1397000"/>
              <a:gd name="connsiteX148" fmla="*/ 546499 w 1703196"/>
              <a:gd name="connsiteY148" fmla="*/ 177800 h 1397000"/>
              <a:gd name="connsiteX149" fmla="*/ 597299 w 1703196"/>
              <a:gd name="connsiteY149" fmla="*/ 165100 h 1397000"/>
              <a:gd name="connsiteX150" fmla="*/ 609999 w 1703196"/>
              <a:gd name="connsiteY150" fmla="*/ 139700 h 1397000"/>
              <a:gd name="connsiteX151" fmla="*/ 635399 w 1703196"/>
              <a:gd name="connsiteY151" fmla="*/ 57150 h 1397000"/>
              <a:gd name="connsiteX152" fmla="*/ 692549 w 1703196"/>
              <a:gd name="connsiteY152" fmla="*/ 63500 h 1397000"/>
              <a:gd name="connsiteX153" fmla="*/ 705249 w 1703196"/>
              <a:gd name="connsiteY153" fmla="*/ 44450 h 1397000"/>
              <a:gd name="connsiteX154" fmla="*/ 743349 w 1703196"/>
              <a:gd name="connsiteY154" fmla="*/ 63500 h 1397000"/>
              <a:gd name="connsiteX155" fmla="*/ 863999 w 1703196"/>
              <a:gd name="connsiteY155" fmla="*/ 38100 h 1397000"/>
              <a:gd name="connsiteX156" fmla="*/ 914799 w 1703196"/>
              <a:gd name="connsiteY156" fmla="*/ 31750 h 1397000"/>
              <a:gd name="connsiteX157" fmla="*/ 933849 w 1703196"/>
              <a:gd name="connsiteY157" fmla="*/ 19050 h 1397000"/>
              <a:gd name="connsiteX158" fmla="*/ 959249 w 1703196"/>
              <a:gd name="connsiteY158" fmla="*/ 6350 h 1397000"/>
              <a:gd name="connsiteX159" fmla="*/ 940199 w 1703196"/>
              <a:gd name="connsiteY159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85518 w 1703196"/>
              <a:gd name="connsiteY25" fmla="*/ 427831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80743 w 1703196"/>
              <a:gd name="connsiteY29" fmla="*/ 485775 h 1397000"/>
              <a:gd name="connsiteX30" fmla="*/ 1463280 w 1703196"/>
              <a:gd name="connsiteY30" fmla="*/ 453231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84611 w 1703196"/>
              <a:gd name="connsiteY92" fmla="*/ 77470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79799 w 1703196"/>
              <a:gd name="connsiteY104" fmla="*/ 831850 h 1397000"/>
              <a:gd name="connsiteX105" fmla="*/ 241699 w 1703196"/>
              <a:gd name="connsiteY105" fmla="*/ 844550 h 1397000"/>
              <a:gd name="connsiteX106" fmla="*/ 209156 w 1703196"/>
              <a:gd name="connsiteY106" fmla="*/ 874713 h 1397000"/>
              <a:gd name="connsiteX107" fmla="*/ 209949 w 1703196"/>
              <a:gd name="connsiteY107" fmla="*/ 908050 h 1397000"/>
              <a:gd name="connsiteX108" fmla="*/ 165499 w 1703196"/>
              <a:gd name="connsiteY108" fmla="*/ 927100 h 1397000"/>
              <a:gd name="connsiteX109" fmla="*/ 146449 w 1703196"/>
              <a:gd name="connsiteY109" fmla="*/ 939800 h 1397000"/>
              <a:gd name="connsiteX110" fmla="*/ 127399 w 1703196"/>
              <a:gd name="connsiteY110" fmla="*/ 977900 h 1397000"/>
              <a:gd name="connsiteX111" fmla="*/ 95649 w 1703196"/>
              <a:gd name="connsiteY111" fmla="*/ 990600 h 1397000"/>
              <a:gd name="connsiteX112" fmla="*/ 51199 w 1703196"/>
              <a:gd name="connsiteY112" fmla="*/ 1009650 h 1397000"/>
              <a:gd name="connsiteX113" fmla="*/ 44849 w 1703196"/>
              <a:gd name="connsiteY113" fmla="*/ 990600 h 1397000"/>
              <a:gd name="connsiteX114" fmla="*/ 25799 w 1703196"/>
              <a:gd name="connsiteY114" fmla="*/ 984250 h 1397000"/>
              <a:gd name="connsiteX115" fmla="*/ 6749 w 1703196"/>
              <a:gd name="connsiteY115" fmla="*/ 965200 h 1397000"/>
              <a:gd name="connsiteX116" fmla="*/ 13099 w 1703196"/>
              <a:gd name="connsiteY116" fmla="*/ 927100 h 1397000"/>
              <a:gd name="connsiteX117" fmla="*/ 38499 w 1703196"/>
              <a:gd name="connsiteY117" fmla="*/ 869950 h 1397000"/>
              <a:gd name="connsiteX118" fmla="*/ 57549 w 1703196"/>
              <a:gd name="connsiteY118" fmla="*/ 806450 h 1397000"/>
              <a:gd name="connsiteX119" fmla="*/ 70249 w 1703196"/>
              <a:gd name="connsiteY119" fmla="*/ 768350 h 1397000"/>
              <a:gd name="connsiteX120" fmla="*/ 76599 w 1703196"/>
              <a:gd name="connsiteY120" fmla="*/ 749300 h 1397000"/>
              <a:gd name="connsiteX121" fmla="*/ 82949 w 1703196"/>
              <a:gd name="connsiteY121" fmla="*/ 723900 h 1397000"/>
              <a:gd name="connsiteX122" fmla="*/ 101999 w 1703196"/>
              <a:gd name="connsiteY122" fmla="*/ 717550 h 1397000"/>
              <a:gd name="connsiteX123" fmla="*/ 108349 w 1703196"/>
              <a:gd name="connsiteY123" fmla="*/ 736600 h 1397000"/>
              <a:gd name="connsiteX124" fmla="*/ 152799 w 1703196"/>
              <a:gd name="connsiteY124" fmla="*/ 723900 h 1397000"/>
              <a:gd name="connsiteX125" fmla="*/ 180580 w 1703196"/>
              <a:gd name="connsiteY125" fmla="*/ 699294 h 1397000"/>
              <a:gd name="connsiteX126" fmla="*/ 241699 w 1703196"/>
              <a:gd name="connsiteY126" fmla="*/ 660400 h 1397000"/>
              <a:gd name="connsiteX127" fmla="*/ 248049 w 1703196"/>
              <a:gd name="connsiteY127" fmla="*/ 615950 h 1397000"/>
              <a:gd name="connsiteX128" fmla="*/ 260749 w 1703196"/>
              <a:gd name="connsiteY128" fmla="*/ 590550 h 1397000"/>
              <a:gd name="connsiteX129" fmla="*/ 254399 w 1703196"/>
              <a:gd name="connsiteY129" fmla="*/ 571500 h 1397000"/>
              <a:gd name="connsiteX130" fmla="*/ 238524 w 1703196"/>
              <a:gd name="connsiteY130" fmla="*/ 532606 h 1397000"/>
              <a:gd name="connsiteX131" fmla="*/ 241699 w 1703196"/>
              <a:gd name="connsiteY131" fmla="*/ 495300 h 1397000"/>
              <a:gd name="connsiteX132" fmla="*/ 217886 w 1703196"/>
              <a:gd name="connsiteY132" fmla="*/ 465931 h 1397000"/>
              <a:gd name="connsiteX133" fmla="*/ 260749 w 1703196"/>
              <a:gd name="connsiteY133" fmla="*/ 425450 h 1397000"/>
              <a:gd name="connsiteX134" fmla="*/ 267099 w 1703196"/>
              <a:gd name="connsiteY134" fmla="*/ 406400 h 1397000"/>
              <a:gd name="connsiteX135" fmla="*/ 286149 w 1703196"/>
              <a:gd name="connsiteY135" fmla="*/ 400050 h 1397000"/>
              <a:gd name="connsiteX136" fmla="*/ 298849 w 1703196"/>
              <a:gd name="connsiteY136" fmla="*/ 361950 h 1397000"/>
              <a:gd name="connsiteX137" fmla="*/ 303611 w 1703196"/>
              <a:gd name="connsiteY137" fmla="*/ 342107 h 1397000"/>
              <a:gd name="connsiteX138" fmla="*/ 355999 w 1703196"/>
              <a:gd name="connsiteY138" fmla="*/ 349250 h 1397000"/>
              <a:gd name="connsiteX139" fmla="*/ 394099 w 1703196"/>
              <a:gd name="connsiteY139" fmla="*/ 342900 h 1397000"/>
              <a:gd name="connsiteX140" fmla="*/ 397274 w 1703196"/>
              <a:gd name="connsiteY140" fmla="*/ 294481 h 1397000"/>
              <a:gd name="connsiteX141" fmla="*/ 413149 w 1703196"/>
              <a:gd name="connsiteY141" fmla="*/ 273050 h 1397000"/>
              <a:gd name="connsiteX142" fmla="*/ 419499 w 1703196"/>
              <a:gd name="connsiteY142" fmla="*/ 260350 h 1397000"/>
              <a:gd name="connsiteX143" fmla="*/ 425849 w 1703196"/>
              <a:gd name="connsiteY143" fmla="*/ 234950 h 1397000"/>
              <a:gd name="connsiteX144" fmla="*/ 430611 w 1703196"/>
              <a:gd name="connsiteY144" fmla="*/ 214312 h 1397000"/>
              <a:gd name="connsiteX145" fmla="*/ 452043 w 1703196"/>
              <a:gd name="connsiteY145" fmla="*/ 200819 h 1397000"/>
              <a:gd name="connsiteX146" fmla="*/ 487761 w 1703196"/>
              <a:gd name="connsiteY146" fmla="*/ 190500 h 1397000"/>
              <a:gd name="connsiteX147" fmla="*/ 501255 w 1703196"/>
              <a:gd name="connsiteY147" fmla="*/ 164306 h 1397000"/>
              <a:gd name="connsiteX148" fmla="*/ 546499 w 1703196"/>
              <a:gd name="connsiteY148" fmla="*/ 177800 h 1397000"/>
              <a:gd name="connsiteX149" fmla="*/ 597299 w 1703196"/>
              <a:gd name="connsiteY149" fmla="*/ 165100 h 1397000"/>
              <a:gd name="connsiteX150" fmla="*/ 609999 w 1703196"/>
              <a:gd name="connsiteY150" fmla="*/ 139700 h 1397000"/>
              <a:gd name="connsiteX151" fmla="*/ 635399 w 1703196"/>
              <a:gd name="connsiteY151" fmla="*/ 57150 h 1397000"/>
              <a:gd name="connsiteX152" fmla="*/ 692549 w 1703196"/>
              <a:gd name="connsiteY152" fmla="*/ 63500 h 1397000"/>
              <a:gd name="connsiteX153" fmla="*/ 705249 w 1703196"/>
              <a:gd name="connsiteY153" fmla="*/ 44450 h 1397000"/>
              <a:gd name="connsiteX154" fmla="*/ 743349 w 1703196"/>
              <a:gd name="connsiteY154" fmla="*/ 63500 h 1397000"/>
              <a:gd name="connsiteX155" fmla="*/ 863999 w 1703196"/>
              <a:gd name="connsiteY155" fmla="*/ 38100 h 1397000"/>
              <a:gd name="connsiteX156" fmla="*/ 914799 w 1703196"/>
              <a:gd name="connsiteY156" fmla="*/ 31750 h 1397000"/>
              <a:gd name="connsiteX157" fmla="*/ 933849 w 1703196"/>
              <a:gd name="connsiteY157" fmla="*/ 19050 h 1397000"/>
              <a:gd name="connsiteX158" fmla="*/ 959249 w 1703196"/>
              <a:gd name="connsiteY158" fmla="*/ 6350 h 1397000"/>
              <a:gd name="connsiteX159" fmla="*/ 940199 w 1703196"/>
              <a:gd name="connsiteY159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85518 w 1703196"/>
              <a:gd name="connsiteY25" fmla="*/ 427831 h 1397000"/>
              <a:gd name="connsiteX26" fmla="*/ 1537099 w 1703196"/>
              <a:gd name="connsiteY26" fmla="*/ 444500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80743 w 1703196"/>
              <a:gd name="connsiteY29" fmla="*/ 485775 h 1397000"/>
              <a:gd name="connsiteX30" fmla="*/ 1463280 w 1703196"/>
              <a:gd name="connsiteY30" fmla="*/ 453231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84611 w 1703196"/>
              <a:gd name="connsiteY92" fmla="*/ 77470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79799 w 1703196"/>
              <a:gd name="connsiteY104" fmla="*/ 831850 h 1397000"/>
              <a:gd name="connsiteX105" fmla="*/ 241699 w 1703196"/>
              <a:gd name="connsiteY105" fmla="*/ 844550 h 1397000"/>
              <a:gd name="connsiteX106" fmla="*/ 209156 w 1703196"/>
              <a:gd name="connsiteY106" fmla="*/ 874713 h 1397000"/>
              <a:gd name="connsiteX107" fmla="*/ 209949 w 1703196"/>
              <a:gd name="connsiteY107" fmla="*/ 908050 h 1397000"/>
              <a:gd name="connsiteX108" fmla="*/ 165499 w 1703196"/>
              <a:gd name="connsiteY108" fmla="*/ 927100 h 1397000"/>
              <a:gd name="connsiteX109" fmla="*/ 146449 w 1703196"/>
              <a:gd name="connsiteY109" fmla="*/ 939800 h 1397000"/>
              <a:gd name="connsiteX110" fmla="*/ 127399 w 1703196"/>
              <a:gd name="connsiteY110" fmla="*/ 977900 h 1397000"/>
              <a:gd name="connsiteX111" fmla="*/ 95649 w 1703196"/>
              <a:gd name="connsiteY111" fmla="*/ 990600 h 1397000"/>
              <a:gd name="connsiteX112" fmla="*/ 51199 w 1703196"/>
              <a:gd name="connsiteY112" fmla="*/ 1009650 h 1397000"/>
              <a:gd name="connsiteX113" fmla="*/ 44849 w 1703196"/>
              <a:gd name="connsiteY113" fmla="*/ 990600 h 1397000"/>
              <a:gd name="connsiteX114" fmla="*/ 25799 w 1703196"/>
              <a:gd name="connsiteY114" fmla="*/ 984250 h 1397000"/>
              <a:gd name="connsiteX115" fmla="*/ 6749 w 1703196"/>
              <a:gd name="connsiteY115" fmla="*/ 965200 h 1397000"/>
              <a:gd name="connsiteX116" fmla="*/ 13099 w 1703196"/>
              <a:gd name="connsiteY116" fmla="*/ 927100 h 1397000"/>
              <a:gd name="connsiteX117" fmla="*/ 38499 w 1703196"/>
              <a:gd name="connsiteY117" fmla="*/ 869950 h 1397000"/>
              <a:gd name="connsiteX118" fmla="*/ 57549 w 1703196"/>
              <a:gd name="connsiteY118" fmla="*/ 806450 h 1397000"/>
              <a:gd name="connsiteX119" fmla="*/ 70249 w 1703196"/>
              <a:gd name="connsiteY119" fmla="*/ 768350 h 1397000"/>
              <a:gd name="connsiteX120" fmla="*/ 76599 w 1703196"/>
              <a:gd name="connsiteY120" fmla="*/ 749300 h 1397000"/>
              <a:gd name="connsiteX121" fmla="*/ 82949 w 1703196"/>
              <a:gd name="connsiteY121" fmla="*/ 723900 h 1397000"/>
              <a:gd name="connsiteX122" fmla="*/ 101999 w 1703196"/>
              <a:gd name="connsiteY122" fmla="*/ 717550 h 1397000"/>
              <a:gd name="connsiteX123" fmla="*/ 108349 w 1703196"/>
              <a:gd name="connsiteY123" fmla="*/ 736600 h 1397000"/>
              <a:gd name="connsiteX124" fmla="*/ 152799 w 1703196"/>
              <a:gd name="connsiteY124" fmla="*/ 723900 h 1397000"/>
              <a:gd name="connsiteX125" fmla="*/ 180580 w 1703196"/>
              <a:gd name="connsiteY125" fmla="*/ 699294 h 1397000"/>
              <a:gd name="connsiteX126" fmla="*/ 241699 w 1703196"/>
              <a:gd name="connsiteY126" fmla="*/ 660400 h 1397000"/>
              <a:gd name="connsiteX127" fmla="*/ 248049 w 1703196"/>
              <a:gd name="connsiteY127" fmla="*/ 615950 h 1397000"/>
              <a:gd name="connsiteX128" fmla="*/ 260749 w 1703196"/>
              <a:gd name="connsiteY128" fmla="*/ 590550 h 1397000"/>
              <a:gd name="connsiteX129" fmla="*/ 254399 w 1703196"/>
              <a:gd name="connsiteY129" fmla="*/ 571500 h 1397000"/>
              <a:gd name="connsiteX130" fmla="*/ 238524 w 1703196"/>
              <a:gd name="connsiteY130" fmla="*/ 532606 h 1397000"/>
              <a:gd name="connsiteX131" fmla="*/ 241699 w 1703196"/>
              <a:gd name="connsiteY131" fmla="*/ 495300 h 1397000"/>
              <a:gd name="connsiteX132" fmla="*/ 217886 w 1703196"/>
              <a:gd name="connsiteY132" fmla="*/ 465931 h 1397000"/>
              <a:gd name="connsiteX133" fmla="*/ 260749 w 1703196"/>
              <a:gd name="connsiteY133" fmla="*/ 425450 h 1397000"/>
              <a:gd name="connsiteX134" fmla="*/ 267099 w 1703196"/>
              <a:gd name="connsiteY134" fmla="*/ 406400 h 1397000"/>
              <a:gd name="connsiteX135" fmla="*/ 286149 w 1703196"/>
              <a:gd name="connsiteY135" fmla="*/ 400050 h 1397000"/>
              <a:gd name="connsiteX136" fmla="*/ 298849 w 1703196"/>
              <a:gd name="connsiteY136" fmla="*/ 361950 h 1397000"/>
              <a:gd name="connsiteX137" fmla="*/ 303611 w 1703196"/>
              <a:gd name="connsiteY137" fmla="*/ 342107 h 1397000"/>
              <a:gd name="connsiteX138" fmla="*/ 355999 w 1703196"/>
              <a:gd name="connsiteY138" fmla="*/ 349250 h 1397000"/>
              <a:gd name="connsiteX139" fmla="*/ 394099 w 1703196"/>
              <a:gd name="connsiteY139" fmla="*/ 342900 h 1397000"/>
              <a:gd name="connsiteX140" fmla="*/ 397274 w 1703196"/>
              <a:gd name="connsiteY140" fmla="*/ 294481 h 1397000"/>
              <a:gd name="connsiteX141" fmla="*/ 413149 w 1703196"/>
              <a:gd name="connsiteY141" fmla="*/ 273050 h 1397000"/>
              <a:gd name="connsiteX142" fmla="*/ 419499 w 1703196"/>
              <a:gd name="connsiteY142" fmla="*/ 260350 h 1397000"/>
              <a:gd name="connsiteX143" fmla="*/ 425849 w 1703196"/>
              <a:gd name="connsiteY143" fmla="*/ 234950 h 1397000"/>
              <a:gd name="connsiteX144" fmla="*/ 430611 w 1703196"/>
              <a:gd name="connsiteY144" fmla="*/ 214312 h 1397000"/>
              <a:gd name="connsiteX145" fmla="*/ 452043 w 1703196"/>
              <a:gd name="connsiteY145" fmla="*/ 200819 h 1397000"/>
              <a:gd name="connsiteX146" fmla="*/ 487761 w 1703196"/>
              <a:gd name="connsiteY146" fmla="*/ 190500 h 1397000"/>
              <a:gd name="connsiteX147" fmla="*/ 501255 w 1703196"/>
              <a:gd name="connsiteY147" fmla="*/ 164306 h 1397000"/>
              <a:gd name="connsiteX148" fmla="*/ 546499 w 1703196"/>
              <a:gd name="connsiteY148" fmla="*/ 177800 h 1397000"/>
              <a:gd name="connsiteX149" fmla="*/ 597299 w 1703196"/>
              <a:gd name="connsiteY149" fmla="*/ 165100 h 1397000"/>
              <a:gd name="connsiteX150" fmla="*/ 609999 w 1703196"/>
              <a:gd name="connsiteY150" fmla="*/ 139700 h 1397000"/>
              <a:gd name="connsiteX151" fmla="*/ 635399 w 1703196"/>
              <a:gd name="connsiteY151" fmla="*/ 57150 h 1397000"/>
              <a:gd name="connsiteX152" fmla="*/ 692549 w 1703196"/>
              <a:gd name="connsiteY152" fmla="*/ 63500 h 1397000"/>
              <a:gd name="connsiteX153" fmla="*/ 705249 w 1703196"/>
              <a:gd name="connsiteY153" fmla="*/ 44450 h 1397000"/>
              <a:gd name="connsiteX154" fmla="*/ 743349 w 1703196"/>
              <a:gd name="connsiteY154" fmla="*/ 63500 h 1397000"/>
              <a:gd name="connsiteX155" fmla="*/ 863999 w 1703196"/>
              <a:gd name="connsiteY155" fmla="*/ 38100 h 1397000"/>
              <a:gd name="connsiteX156" fmla="*/ 914799 w 1703196"/>
              <a:gd name="connsiteY156" fmla="*/ 31750 h 1397000"/>
              <a:gd name="connsiteX157" fmla="*/ 933849 w 1703196"/>
              <a:gd name="connsiteY157" fmla="*/ 19050 h 1397000"/>
              <a:gd name="connsiteX158" fmla="*/ 959249 w 1703196"/>
              <a:gd name="connsiteY158" fmla="*/ 6350 h 1397000"/>
              <a:gd name="connsiteX159" fmla="*/ 940199 w 1703196"/>
              <a:gd name="connsiteY159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85518 w 1703196"/>
              <a:gd name="connsiteY25" fmla="*/ 427831 h 1397000"/>
              <a:gd name="connsiteX26" fmla="*/ 1553768 w 1703196"/>
              <a:gd name="connsiteY26" fmla="*/ 420688 h 1397000"/>
              <a:gd name="connsiteX27" fmla="*/ 1530749 w 1703196"/>
              <a:gd name="connsiteY27" fmla="*/ 469900 h 1397000"/>
              <a:gd name="connsiteX28" fmla="*/ 1511699 w 1703196"/>
              <a:gd name="connsiteY28" fmla="*/ 476250 h 1397000"/>
              <a:gd name="connsiteX29" fmla="*/ 1480743 w 1703196"/>
              <a:gd name="connsiteY29" fmla="*/ 485775 h 1397000"/>
              <a:gd name="connsiteX30" fmla="*/ 1463280 w 1703196"/>
              <a:gd name="connsiteY30" fmla="*/ 453231 h 1397000"/>
              <a:gd name="connsiteX31" fmla="*/ 1429149 w 1703196"/>
              <a:gd name="connsiteY31" fmla="*/ 488950 h 1397000"/>
              <a:gd name="connsiteX32" fmla="*/ 1410099 w 1703196"/>
              <a:gd name="connsiteY32" fmla="*/ 501650 h 1397000"/>
              <a:gd name="connsiteX33" fmla="*/ 1397399 w 1703196"/>
              <a:gd name="connsiteY33" fmla="*/ 520700 h 1397000"/>
              <a:gd name="connsiteX34" fmla="*/ 1403749 w 1703196"/>
              <a:gd name="connsiteY34" fmla="*/ 539750 h 1397000"/>
              <a:gd name="connsiteX35" fmla="*/ 1378349 w 1703196"/>
              <a:gd name="connsiteY35" fmla="*/ 546100 h 1397000"/>
              <a:gd name="connsiteX36" fmla="*/ 1359299 w 1703196"/>
              <a:gd name="connsiteY36" fmla="*/ 552450 h 1397000"/>
              <a:gd name="connsiteX37" fmla="*/ 1327549 w 1703196"/>
              <a:gd name="connsiteY37" fmla="*/ 577850 h 1397000"/>
              <a:gd name="connsiteX38" fmla="*/ 1276749 w 1703196"/>
              <a:gd name="connsiteY38" fmla="*/ 590550 h 1397000"/>
              <a:gd name="connsiteX39" fmla="*/ 1264049 w 1703196"/>
              <a:gd name="connsiteY39" fmla="*/ 609600 h 1397000"/>
              <a:gd name="connsiteX40" fmla="*/ 1270399 w 1703196"/>
              <a:gd name="connsiteY40" fmla="*/ 635000 h 1397000"/>
              <a:gd name="connsiteX41" fmla="*/ 1289449 w 1703196"/>
              <a:gd name="connsiteY41" fmla="*/ 679450 h 1397000"/>
              <a:gd name="connsiteX42" fmla="*/ 1308499 w 1703196"/>
              <a:gd name="connsiteY42" fmla="*/ 889000 h 1397000"/>
              <a:gd name="connsiteX43" fmla="*/ 1295799 w 1703196"/>
              <a:gd name="connsiteY43" fmla="*/ 1016000 h 1397000"/>
              <a:gd name="connsiteX44" fmla="*/ 1308499 w 1703196"/>
              <a:gd name="connsiteY44" fmla="*/ 1047750 h 1397000"/>
              <a:gd name="connsiteX45" fmla="*/ 1333899 w 1703196"/>
              <a:gd name="connsiteY45" fmla="*/ 1085850 h 1397000"/>
              <a:gd name="connsiteX46" fmla="*/ 1352949 w 1703196"/>
              <a:gd name="connsiteY46" fmla="*/ 1130300 h 1397000"/>
              <a:gd name="connsiteX47" fmla="*/ 1365649 w 1703196"/>
              <a:gd name="connsiteY47" fmla="*/ 1174750 h 1397000"/>
              <a:gd name="connsiteX48" fmla="*/ 1340249 w 1703196"/>
              <a:gd name="connsiteY48" fmla="*/ 1162050 h 1397000"/>
              <a:gd name="connsiteX49" fmla="*/ 1308499 w 1703196"/>
              <a:gd name="connsiteY49" fmla="*/ 1155700 h 1397000"/>
              <a:gd name="connsiteX50" fmla="*/ 1238649 w 1703196"/>
              <a:gd name="connsiteY50" fmla="*/ 1143000 h 1397000"/>
              <a:gd name="connsiteX51" fmla="*/ 1213249 w 1703196"/>
              <a:gd name="connsiteY51" fmla="*/ 1123950 h 1397000"/>
              <a:gd name="connsiteX52" fmla="*/ 1219599 w 1703196"/>
              <a:gd name="connsiteY52" fmla="*/ 1143000 h 1397000"/>
              <a:gd name="connsiteX53" fmla="*/ 1194199 w 1703196"/>
              <a:gd name="connsiteY53" fmla="*/ 1200150 h 1397000"/>
              <a:gd name="connsiteX54" fmla="*/ 1200549 w 1703196"/>
              <a:gd name="connsiteY54" fmla="*/ 1244600 h 1397000"/>
              <a:gd name="connsiteX55" fmla="*/ 1194199 w 1703196"/>
              <a:gd name="connsiteY55" fmla="*/ 1270000 h 1397000"/>
              <a:gd name="connsiteX56" fmla="*/ 1175149 w 1703196"/>
              <a:gd name="connsiteY56" fmla="*/ 1346200 h 1397000"/>
              <a:gd name="connsiteX57" fmla="*/ 1187849 w 1703196"/>
              <a:gd name="connsiteY57" fmla="*/ 1365250 h 1397000"/>
              <a:gd name="connsiteX58" fmla="*/ 1168799 w 1703196"/>
              <a:gd name="connsiteY58" fmla="*/ 1371600 h 1397000"/>
              <a:gd name="connsiteX59" fmla="*/ 1086249 w 1703196"/>
              <a:gd name="connsiteY59" fmla="*/ 1397000 h 1397000"/>
              <a:gd name="connsiteX60" fmla="*/ 1041799 w 1703196"/>
              <a:gd name="connsiteY60" fmla="*/ 1384300 h 1397000"/>
              <a:gd name="connsiteX61" fmla="*/ 1022749 w 1703196"/>
              <a:gd name="connsiteY61" fmla="*/ 1377950 h 1397000"/>
              <a:gd name="connsiteX62" fmla="*/ 997349 w 1703196"/>
              <a:gd name="connsiteY62" fmla="*/ 1365250 h 1397000"/>
              <a:gd name="connsiteX63" fmla="*/ 990999 w 1703196"/>
              <a:gd name="connsiteY63" fmla="*/ 1346200 h 1397000"/>
              <a:gd name="connsiteX64" fmla="*/ 959249 w 1703196"/>
              <a:gd name="connsiteY64" fmla="*/ 1339850 h 1397000"/>
              <a:gd name="connsiteX65" fmla="*/ 940199 w 1703196"/>
              <a:gd name="connsiteY65" fmla="*/ 1327150 h 1397000"/>
              <a:gd name="connsiteX66" fmla="*/ 927499 w 1703196"/>
              <a:gd name="connsiteY66" fmla="*/ 1308100 h 1397000"/>
              <a:gd name="connsiteX67" fmla="*/ 908449 w 1703196"/>
              <a:gd name="connsiteY67" fmla="*/ 1301750 h 1397000"/>
              <a:gd name="connsiteX68" fmla="*/ 883049 w 1703196"/>
              <a:gd name="connsiteY68" fmla="*/ 1289050 h 1397000"/>
              <a:gd name="connsiteX69" fmla="*/ 876699 w 1703196"/>
              <a:gd name="connsiteY69" fmla="*/ 1270000 h 1397000"/>
              <a:gd name="connsiteX70" fmla="*/ 838599 w 1703196"/>
              <a:gd name="connsiteY70" fmla="*/ 1250950 h 1397000"/>
              <a:gd name="connsiteX71" fmla="*/ 819549 w 1703196"/>
              <a:gd name="connsiteY71" fmla="*/ 1238250 h 1397000"/>
              <a:gd name="connsiteX72" fmla="*/ 794149 w 1703196"/>
              <a:gd name="connsiteY72" fmla="*/ 1320800 h 1397000"/>
              <a:gd name="connsiteX73" fmla="*/ 768749 w 1703196"/>
              <a:gd name="connsiteY73" fmla="*/ 1327150 h 1397000"/>
              <a:gd name="connsiteX74" fmla="*/ 743349 w 1703196"/>
              <a:gd name="connsiteY74" fmla="*/ 1339850 h 1397000"/>
              <a:gd name="connsiteX75" fmla="*/ 705249 w 1703196"/>
              <a:gd name="connsiteY75" fmla="*/ 1352550 h 1397000"/>
              <a:gd name="connsiteX76" fmla="*/ 679849 w 1703196"/>
              <a:gd name="connsiteY76" fmla="*/ 1346200 h 1397000"/>
              <a:gd name="connsiteX77" fmla="*/ 660799 w 1703196"/>
              <a:gd name="connsiteY77" fmla="*/ 1333500 h 1397000"/>
              <a:gd name="connsiteX78" fmla="*/ 641749 w 1703196"/>
              <a:gd name="connsiteY78" fmla="*/ 1327150 h 1397000"/>
              <a:gd name="connsiteX79" fmla="*/ 635399 w 1703196"/>
              <a:gd name="connsiteY79" fmla="*/ 1308100 h 1397000"/>
              <a:gd name="connsiteX80" fmla="*/ 622699 w 1703196"/>
              <a:gd name="connsiteY80" fmla="*/ 1289050 h 1397000"/>
              <a:gd name="connsiteX81" fmla="*/ 635399 w 1703196"/>
              <a:gd name="connsiteY81" fmla="*/ 1219200 h 1397000"/>
              <a:gd name="connsiteX82" fmla="*/ 641749 w 1703196"/>
              <a:gd name="connsiteY82" fmla="*/ 1162050 h 1397000"/>
              <a:gd name="connsiteX83" fmla="*/ 629049 w 1703196"/>
              <a:gd name="connsiteY83" fmla="*/ 1085850 h 1397000"/>
              <a:gd name="connsiteX84" fmla="*/ 635399 w 1703196"/>
              <a:gd name="connsiteY84" fmla="*/ 1066800 h 1397000"/>
              <a:gd name="connsiteX85" fmla="*/ 641749 w 1703196"/>
              <a:gd name="connsiteY85" fmla="*/ 1041400 h 1397000"/>
              <a:gd name="connsiteX86" fmla="*/ 654449 w 1703196"/>
              <a:gd name="connsiteY86" fmla="*/ 1022350 h 1397000"/>
              <a:gd name="connsiteX87" fmla="*/ 667149 w 1703196"/>
              <a:gd name="connsiteY87" fmla="*/ 996950 h 1397000"/>
              <a:gd name="connsiteX88" fmla="*/ 679849 w 1703196"/>
              <a:gd name="connsiteY88" fmla="*/ 933450 h 1397000"/>
              <a:gd name="connsiteX89" fmla="*/ 686199 w 1703196"/>
              <a:gd name="connsiteY89" fmla="*/ 914400 h 1397000"/>
              <a:gd name="connsiteX90" fmla="*/ 705249 w 1703196"/>
              <a:gd name="connsiteY90" fmla="*/ 901700 h 1397000"/>
              <a:gd name="connsiteX91" fmla="*/ 705249 w 1703196"/>
              <a:gd name="connsiteY91" fmla="*/ 812800 h 1397000"/>
              <a:gd name="connsiteX92" fmla="*/ 684611 w 1703196"/>
              <a:gd name="connsiteY92" fmla="*/ 774700 h 1397000"/>
              <a:gd name="connsiteX93" fmla="*/ 654449 w 1703196"/>
              <a:gd name="connsiteY93" fmla="*/ 781050 h 1397000"/>
              <a:gd name="connsiteX94" fmla="*/ 635399 w 1703196"/>
              <a:gd name="connsiteY94" fmla="*/ 774700 h 1397000"/>
              <a:gd name="connsiteX95" fmla="*/ 609999 w 1703196"/>
              <a:gd name="connsiteY95" fmla="*/ 749300 h 1397000"/>
              <a:gd name="connsiteX96" fmla="*/ 568724 w 1703196"/>
              <a:gd name="connsiteY96" fmla="*/ 697706 h 1397000"/>
              <a:gd name="connsiteX97" fmla="*/ 521099 w 1703196"/>
              <a:gd name="connsiteY97" fmla="*/ 717550 h 1397000"/>
              <a:gd name="connsiteX98" fmla="*/ 473474 w 1703196"/>
              <a:gd name="connsiteY98" fmla="*/ 669131 h 1397000"/>
              <a:gd name="connsiteX99" fmla="*/ 438549 w 1703196"/>
              <a:gd name="connsiteY99" fmla="*/ 698500 h 1397000"/>
              <a:gd name="connsiteX100" fmla="*/ 406799 w 1703196"/>
              <a:gd name="connsiteY100" fmla="*/ 704850 h 1397000"/>
              <a:gd name="connsiteX101" fmla="*/ 368699 w 1703196"/>
              <a:gd name="connsiteY101" fmla="*/ 749300 h 1397000"/>
              <a:gd name="connsiteX102" fmla="*/ 325836 w 1703196"/>
              <a:gd name="connsiteY102" fmla="*/ 759618 h 1397000"/>
              <a:gd name="connsiteX103" fmla="*/ 324249 w 1703196"/>
              <a:gd name="connsiteY103" fmla="*/ 793750 h 1397000"/>
              <a:gd name="connsiteX104" fmla="*/ 279799 w 1703196"/>
              <a:gd name="connsiteY104" fmla="*/ 831850 h 1397000"/>
              <a:gd name="connsiteX105" fmla="*/ 241699 w 1703196"/>
              <a:gd name="connsiteY105" fmla="*/ 844550 h 1397000"/>
              <a:gd name="connsiteX106" fmla="*/ 209156 w 1703196"/>
              <a:gd name="connsiteY106" fmla="*/ 874713 h 1397000"/>
              <a:gd name="connsiteX107" fmla="*/ 209949 w 1703196"/>
              <a:gd name="connsiteY107" fmla="*/ 908050 h 1397000"/>
              <a:gd name="connsiteX108" fmla="*/ 165499 w 1703196"/>
              <a:gd name="connsiteY108" fmla="*/ 927100 h 1397000"/>
              <a:gd name="connsiteX109" fmla="*/ 146449 w 1703196"/>
              <a:gd name="connsiteY109" fmla="*/ 939800 h 1397000"/>
              <a:gd name="connsiteX110" fmla="*/ 127399 w 1703196"/>
              <a:gd name="connsiteY110" fmla="*/ 977900 h 1397000"/>
              <a:gd name="connsiteX111" fmla="*/ 95649 w 1703196"/>
              <a:gd name="connsiteY111" fmla="*/ 990600 h 1397000"/>
              <a:gd name="connsiteX112" fmla="*/ 51199 w 1703196"/>
              <a:gd name="connsiteY112" fmla="*/ 1009650 h 1397000"/>
              <a:gd name="connsiteX113" fmla="*/ 44849 w 1703196"/>
              <a:gd name="connsiteY113" fmla="*/ 990600 h 1397000"/>
              <a:gd name="connsiteX114" fmla="*/ 25799 w 1703196"/>
              <a:gd name="connsiteY114" fmla="*/ 984250 h 1397000"/>
              <a:gd name="connsiteX115" fmla="*/ 6749 w 1703196"/>
              <a:gd name="connsiteY115" fmla="*/ 965200 h 1397000"/>
              <a:gd name="connsiteX116" fmla="*/ 13099 w 1703196"/>
              <a:gd name="connsiteY116" fmla="*/ 927100 h 1397000"/>
              <a:gd name="connsiteX117" fmla="*/ 38499 w 1703196"/>
              <a:gd name="connsiteY117" fmla="*/ 869950 h 1397000"/>
              <a:gd name="connsiteX118" fmla="*/ 57549 w 1703196"/>
              <a:gd name="connsiteY118" fmla="*/ 806450 h 1397000"/>
              <a:gd name="connsiteX119" fmla="*/ 70249 w 1703196"/>
              <a:gd name="connsiteY119" fmla="*/ 768350 h 1397000"/>
              <a:gd name="connsiteX120" fmla="*/ 76599 w 1703196"/>
              <a:gd name="connsiteY120" fmla="*/ 749300 h 1397000"/>
              <a:gd name="connsiteX121" fmla="*/ 82949 w 1703196"/>
              <a:gd name="connsiteY121" fmla="*/ 723900 h 1397000"/>
              <a:gd name="connsiteX122" fmla="*/ 101999 w 1703196"/>
              <a:gd name="connsiteY122" fmla="*/ 717550 h 1397000"/>
              <a:gd name="connsiteX123" fmla="*/ 108349 w 1703196"/>
              <a:gd name="connsiteY123" fmla="*/ 736600 h 1397000"/>
              <a:gd name="connsiteX124" fmla="*/ 152799 w 1703196"/>
              <a:gd name="connsiteY124" fmla="*/ 723900 h 1397000"/>
              <a:gd name="connsiteX125" fmla="*/ 180580 w 1703196"/>
              <a:gd name="connsiteY125" fmla="*/ 699294 h 1397000"/>
              <a:gd name="connsiteX126" fmla="*/ 241699 w 1703196"/>
              <a:gd name="connsiteY126" fmla="*/ 660400 h 1397000"/>
              <a:gd name="connsiteX127" fmla="*/ 248049 w 1703196"/>
              <a:gd name="connsiteY127" fmla="*/ 615950 h 1397000"/>
              <a:gd name="connsiteX128" fmla="*/ 260749 w 1703196"/>
              <a:gd name="connsiteY128" fmla="*/ 590550 h 1397000"/>
              <a:gd name="connsiteX129" fmla="*/ 254399 w 1703196"/>
              <a:gd name="connsiteY129" fmla="*/ 571500 h 1397000"/>
              <a:gd name="connsiteX130" fmla="*/ 238524 w 1703196"/>
              <a:gd name="connsiteY130" fmla="*/ 532606 h 1397000"/>
              <a:gd name="connsiteX131" fmla="*/ 241699 w 1703196"/>
              <a:gd name="connsiteY131" fmla="*/ 495300 h 1397000"/>
              <a:gd name="connsiteX132" fmla="*/ 217886 w 1703196"/>
              <a:gd name="connsiteY132" fmla="*/ 465931 h 1397000"/>
              <a:gd name="connsiteX133" fmla="*/ 260749 w 1703196"/>
              <a:gd name="connsiteY133" fmla="*/ 425450 h 1397000"/>
              <a:gd name="connsiteX134" fmla="*/ 267099 w 1703196"/>
              <a:gd name="connsiteY134" fmla="*/ 406400 h 1397000"/>
              <a:gd name="connsiteX135" fmla="*/ 286149 w 1703196"/>
              <a:gd name="connsiteY135" fmla="*/ 400050 h 1397000"/>
              <a:gd name="connsiteX136" fmla="*/ 298849 w 1703196"/>
              <a:gd name="connsiteY136" fmla="*/ 361950 h 1397000"/>
              <a:gd name="connsiteX137" fmla="*/ 303611 w 1703196"/>
              <a:gd name="connsiteY137" fmla="*/ 342107 h 1397000"/>
              <a:gd name="connsiteX138" fmla="*/ 355999 w 1703196"/>
              <a:gd name="connsiteY138" fmla="*/ 349250 h 1397000"/>
              <a:gd name="connsiteX139" fmla="*/ 394099 w 1703196"/>
              <a:gd name="connsiteY139" fmla="*/ 342900 h 1397000"/>
              <a:gd name="connsiteX140" fmla="*/ 397274 w 1703196"/>
              <a:gd name="connsiteY140" fmla="*/ 294481 h 1397000"/>
              <a:gd name="connsiteX141" fmla="*/ 413149 w 1703196"/>
              <a:gd name="connsiteY141" fmla="*/ 273050 h 1397000"/>
              <a:gd name="connsiteX142" fmla="*/ 419499 w 1703196"/>
              <a:gd name="connsiteY142" fmla="*/ 260350 h 1397000"/>
              <a:gd name="connsiteX143" fmla="*/ 425849 w 1703196"/>
              <a:gd name="connsiteY143" fmla="*/ 234950 h 1397000"/>
              <a:gd name="connsiteX144" fmla="*/ 430611 w 1703196"/>
              <a:gd name="connsiteY144" fmla="*/ 214312 h 1397000"/>
              <a:gd name="connsiteX145" fmla="*/ 452043 w 1703196"/>
              <a:gd name="connsiteY145" fmla="*/ 200819 h 1397000"/>
              <a:gd name="connsiteX146" fmla="*/ 487761 w 1703196"/>
              <a:gd name="connsiteY146" fmla="*/ 190500 h 1397000"/>
              <a:gd name="connsiteX147" fmla="*/ 501255 w 1703196"/>
              <a:gd name="connsiteY147" fmla="*/ 164306 h 1397000"/>
              <a:gd name="connsiteX148" fmla="*/ 546499 w 1703196"/>
              <a:gd name="connsiteY148" fmla="*/ 177800 h 1397000"/>
              <a:gd name="connsiteX149" fmla="*/ 597299 w 1703196"/>
              <a:gd name="connsiteY149" fmla="*/ 165100 h 1397000"/>
              <a:gd name="connsiteX150" fmla="*/ 609999 w 1703196"/>
              <a:gd name="connsiteY150" fmla="*/ 139700 h 1397000"/>
              <a:gd name="connsiteX151" fmla="*/ 635399 w 1703196"/>
              <a:gd name="connsiteY151" fmla="*/ 57150 h 1397000"/>
              <a:gd name="connsiteX152" fmla="*/ 692549 w 1703196"/>
              <a:gd name="connsiteY152" fmla="*/ 63500 h 1397000"/>
              <a:gd name="connsiteX153" fmla="*/ 705249 w 1703196"/>
              <a:gd name="connsiteY153" fmla="*/ 44450 h 1397000"/>
              <a:gd name="connsiteX154" fmla="*/ 743349 w 1703196"/>
              <a:gd name="connsiteY154" fmla="*/ 63500 h 1397000"/>
              <a:gd name="connsiteX155" fmla="*/ 863999 w 1703196"/>
              <a:gd name="connsiteY155" fmla="*/ 38100 h 1397000"/>
              <a:gd name="connsiteX156" fmla="*/ 914799 w 1703196"/>
              <a:gd name="connsiteY156" fmla="*/ 31750 h 1397000"/>
              <a:gd name="connsiteX157" fmla="*/ 933849 w 1703196"/>
              <a:gd name="connsiteY157" fmla="*/ 19050 h 1397000"/>
              <a:gd name="connsiteX158" fmla="*/ 959249 w 1703196"/>
              <a:gd name="connsiteY158" fmla="*/ 6350 h 1397000"/>
              <a:gd name="connsiteX159" fmla="*/ 940199 w 1703196"/>
              <a:gd name="connsiteY159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85518 w 1703196"/>
              <a:gd name="connsiteY25" fmla="*/ 427831 h 1397000"/>
              <a:gd name="connsiteX26" fmla="*/ 1553768 w 1703196"/>
              <a:gd name="connsiteY26" fmla="*/ 420688 h 1397000"/>
              <a:gd name="connsiteX27" fmla="*/ 1511699 w 1703196"/>
              <a:gd name="connsiteY27" fmla="*/ 476250 h 1397000"/>
              <a:gd name="connsiteX28" fmla="*/ 1480743 w 1703196"/>
              <a:gd name="connsiteY28" fmla="*/ 485775 h 1397000"/>
              <a:gd name="connsiteX29" fmla="*/ 1463280 w 1703196"/>
              <a:gd name="connsiteY29" fmla="*/ 453231 h 1397000"/>
              <a:gd name="connsiteX30" fmla="*/ 1429149 w 1703196"/>
              <a:gd name="connsiteY30" fmla="*/ 488950 h 1397000"/>
              <a:gd name="connsiteX31" fmla="*/ 1410099 w 1703196"/>
              <a:gd name="connsiteY31" fmla="*/ 501650 h 1397000"/>
              <a:gd name="connsiteX32" fmla="*/ 1397399 w 1703196"/>
              <a:gd name="connsiteY32" fmla="*/ 520700 h 1397000"/>
              <a:gd name="connsiteX33" fmla="*/ 1403749 w 1703196"/>
              <a:gd name="connsiteY33" fmla="*/ 539750 h 1397000"/>
              <a:gd name="connsiteX34" fmla="*/ 1378349 w 1703196"/>
              <a:gd name="connsiteY34" fmla="*/ 546100 h 1397000"/>
              <a:gd name="connsiteX35" fmla="*/ 1359299 w 1703196"/>
              <a:gd name="connsiteY35" fmla="*/ 552450 h 1397000"/>
              <a:gd name="connsiteX36" fmla="*/ 1327549 w 1703196"/>
              <a:gd name="connsiteY36" fmla="*/ 577850 h 1397000"/>
              <a:gd name="connsiteX37" fmla="*/ 1276749 w 1703196"/>
              <a:gd name="connsiteY37" fmla="*/ 590550 h 1397000"/>
              <a:gd name="connsiteX38" fmla="*/ 1264049 w 1703196"/>
              <a:gd name="connsiteY38" fmla="*/ 609600 h 1397000"/>
              <a:gd name="connsiteX39" fmla="*/ 1270399 w 1703196"/>
              <a:gd name="connsiteY39" fmla="*/ 635000 h 1397000"/>
              <a:gd name="connsiteX40" fmla="*/ 1289449 w 1703196"/>
              <a:gd name="connsiteY40" fmla="*/ 679450 h 1397000"/>
              <a:gd name="connsiteX41" fmla="*/ 1308499 w 1703196"/>
              <a:gd name="connsiteY41" fmla="*/ 889000 h 1397000"/>
              <a:gd name="connsiteX42" fmla="*/ 1295799 w 1703196"/>
              <a:gd name="connsiteY42" fmla="*/ 1016000 h 1397000"/>
              <a:gd name="connsiteX43" fmla="*/ 1308499 w 1703196"/>
              <a:gd name="connsiteY43" fmla="*/ 1047750 h 1397000"/>
              <a:gd name="connsiteX44" fmla="*/ 1333899 w 1703196"/>
              <a:gd name="connsiteY44" fmla="*/ 1085850 h 1397000"/>
              <a:gd name="connsiteX45" fmla="*/ 1352949 w 1703196"/>
              <a:gd name="connsiteY45" fmla="*/ 1130300 h 1397000"/>
              <a:gd name="connsiteX46" fmla="*/ 1365649 w 1703196"/>
              <a:gd name="connsiteY46" fmla="*/ 1174750 h 1397000"/>
              <a:gd name="connsiteX47" fmla="*/ 1340249 w 1703196"/>
              <a:gd name="connsiteY47" fmla="*/ 1162050 h 1397000"/>
              <a:gd name="connsiteX48" fmla="*/ 1308499 w 1703196"/>
              <a:gd name="connsiteY48" fmla="*/ 1155700 h 1397000"/>
              <a:gd name="connsiteX49" fmla="*/ 1238649 w 1703196"/>
              <a:gd name="connsiteY49" fmla="*/ 1143000 h 1397000"/>
              <a:gd name="connsiteX50" fmla="*/ 1213249 w 1703196"/>
              <a:gd name="connsiteY50" fmla="*/ 1123950 h 1397000"/>
              <a:gd name="connsiteX51" fmla="*/ 1219599 w 1703196"/>
              <a:gd name="connsiteY51" fmla="*/ 1143000 h 1397000"/>
              <a:gd name="connsiteX52" fmla="*/ 1194199 w 1703196"/>
              <a:gd name="connsiteY52" fmla="*/ 1200150 h 1397000"/>
              <a:gd name="connsiteX53" fmla="*/ 1200549 w 1703196"/>
              <a:gd name="connsiteY53" fmla="*/ 1244600 h 1397000"/>
              <a:gd name="connsiteX54" fmla="*/ 1194199 w 1703196"/>
              <a:gd name="connsiteY54" fmla="*/ 1270000 h 1397000"/>
              <a:gd name="connsiteX55" fmla="*/ 1175149 w 1703196"/>
              <a:gd name="connsiteY55" fmla="*/ 1346200 h 1397000"/>
              <a:gd name="connsiteX56" fmla="*/ 1187849 w 1703196"/>
              <a:gd name="connsiteY56" fmla="*/ 1365250 h 1397000"/>
              <a:gd name="connsiteX57" fmla="*/ 1168799 w 1703196"/>
              <a:gd name="connsiteY57" fmla="*/ 1371600 h 1397000"/>
              <a:gd name="connsiteX58" fmla="*/ 1086249 w 1703196"/>
              <a:gd name="connsiteY58" fmla="*/ 1397000 h 1397000"/>
              <a:gd name="connsiteX59" fmla="*/ 1041799 w 1703196"/>
              <a:gd name="connsiteY59" fmla="*/ 1384300 h 1397000"/>
              <a:gd name="connsiteX60" fmla="*/ 1022749 w 1703196"/>
              <a:gd name="connsiteY60" fmla="*/ 1377950 h 1397000"/>
              <a:gd name="connsiteX61" fmla="*/ 997349 w 1703196"/>
              <a:gd name="connsiteY61" fmla="*/ 1365250 h 1397000"/>
              <a:gd name="connsiteX62" fmla="*/ 990999 w 1703196"/>
              <a:gd name="connsiteY62" fmla="*/ 1346200 h 1397000"/>
              <a:gd name="connsiteX63" fmla="*/ 959249 w 1703196"/>
              <a:gd name="connsiteY63" fmla="*/ 1339850 h 1397000"/>
              <a:gd name="connsiteX64" fmla="*/ 940199 w 1703196"/>
              <a:gd name="connsiteY64" fmla="*/ 1327150 h 1397000"/>
              <a:gd name="connsiteX65" fmla="*/ 927499 w 1703196"/>
              <a:gd name="connsiteY65" fmla="*/ 1308100 h 1397000"/>
              <a:gd name="connsiteX66" fmla="*/ 908449 w 1703196"/>
              <a:gd name="connsiteY66" fmla="*/ 1301750 h 1397000"/>
              <a:gd name="connsiteX67" fmla="*/ 883049 w 1703196"/>
              <a:gd name="connsiteY67" fmla="*/ 1289050 h 1397000"/>
              <a:gd name="connsiteX68" fmla="*/ 876699 w 1703196"/>
              <a:gd name="connsiteY68" fmla="*/ 1270000 h 1397000"/>
              <a:gd name="connsiteX69" fmla="*/ 838599 w 1703196"/>
              <a:gd name="connsiteY69" fmla="*/ 1250950 h 1397000"/>
              <a:gd name="connsiteX70" fmla="*/ 819549 w 1703196"/>
              <a:gd name="connsiteY70" fmla="*/ 1238250 h 1397000"/>
              <a:gd name="connsiteX71" fmla="*/ 794149 w 1703196"/>
              <a:gd name="connsiteY71" fmla="*/ 1320800 h 1397000"/>
              <a:gd name="connsiteX72" fmla="*/ 768749 w 1703196"/>
              <a:gd name="connsiteY72" fmla="*/ 1327150 h 1397000"/>
              <a:gd name="connsiteX73" fmla="*/ 743349 w 1703196"/>
              <a:gd name="connsiteY73" fmla="*/ 1339850 h 1397000"/>
              <a:gd name="connsiteX74" fmla="*/ 705249 w 1703196"/>
              <a:gd name="connsiteY74" fmla="*/ 1352550 h 1397000"/>
              <a:gd name="connsiteX75" fmla="*/ 679849 w 1703196"/>
              <a:gd name="connsiteY75" fmla="*/ 1346200 h 1397000"/>
              <a:gd name="connsiteX76" fmla="*/ 660799 w 1703196"/>
              <a:gd name="connsiteY76" fmla="*/ 1333500 h 1397000"/>
              <a:gd name="connsiteX77" fmla="*/ 641749 w 1703196"/>
              <a:gd name="connsiteY77" fmla="*/ 1327150 h 1397000"/>
              <a:gd name="connsiteX78" fmla="*/ 635399 w 1703196"/>
              <a:gd name="connsiteY78" fmla="*/ 1308100 h 1397000"/>
              <a:gd name="connsiteX79" fmla="*/ 622699 w 1703196"/>
              <a:gd name="connsiteY79" fmla="*/ 1289050 h 1397000"/>
              <a:gd name="connsiteX80" fmla="*/ 635399 w 1703196"/>
              <a:gd name="connsiteY80" fmla="*/ 1219200 h 1397000"/>
              <a:gd name="connsiteX81" fmla="*/ 641749 w 1703196"/>
              <a:gd name="connsiteY81" fmla="*/ 1162050 h 1397000"/>
              <a:gd name="connsiteX82" fmla="*/ 629049 w 1703196"/>
              <a:gd name="connsiteY82" fmla="*/ 1085850 h 1397000"/>
              <a:gd name="connsiteX83" fmla="*/ 635399 w 1703196"/>
              <a:gd name="connsiteY83" fmla="*/ 1066800 h 1397000"/>
              <a:gd name="connsiteX84" fmla="*/ 641749 w 1703196"/>
              <a:gd name="connsiteY84" fmla="*/ 1041400 h 1397000"/>
              <a:gd name="connsiteX85" fmla="*/ 654449 w 1703196"/>
              <a:gd name="connsiteY85" fmla="*/ 1022350 h 1397000"/>
              <a:gd name="connsiteX86" fmla="*/ 667149 w 1703196"/>
              <a:gd name="connsiteY86" fmla="*/ 996950 h 1397000"/>
              <a:gd name="connsiteX87" fmla="*/ 679849 w 1703196"/>
              <a:gd name="connsiteY87" fmla="*/ 933450 h 1397000"/>
              <a:gd name="connsiteX88" fmla="*/ 686199 w 1703196"/>
              <a:gd name="connsiteY88" fmla="*/ 914400 h 1397000"/>
              <a:gd name="connsiteX89" fmla="*/ 705249 w 1703196"/>
              <a:gd name="connsiteY89" fmla="*/ 901700 h 1397000"/>
              <a:gd name="connsiteX90" fmla="*/ 705249 w 1703196"/>
              <a:gd name="connsiteY90" fmla="*/ 812800 h 1397000"/>
              <a:gd name="connsiteX91" fmla="*/ 684611 w 1703196"/>
              <a:gd name="connsiteY91" fmla="*/ 774700 h 1397000"/>
              <a:gd name="connsiteX92" fmla="*/ 654449 w 1703196"/>
              <a:gd name="connsiteY92" fmla="*/ 781050 h 1397000"/>
              <a:gd name="connsiteX93" fmla="*/ 635399 w 1703196"/>
              <a:gd name="connsiteY93" fmla="*/ 774700 h 1397000"/>
              <a:gd name="connsiteX94" fmla="*/ 609999 w 1703196"/>
              <a:gd name="connsiteY94" fmla="*/ 749300 h 1397000"/>
              <a:gd name="connsiteX95" fmla="*/ 568724 w 1703196"/>
              <a:gd name="connsiteY95" fmla="*/ 697706 h 1397000"/>
              <a:gd name="connsiteX96" fmla="*/ 521099 w 1703196"/>
              <a:gd name="connsiteY96" fmla="*/ 717550 h 1397000"/>
              <a:gd name="connsiteX97" fmla="*/ 473474 w 1703196"/>
              <a:gd name="connsiteY97" fmla="*/ 669131 h 1397000"/>
              <a:gd name="connsiteX98" fmla="*/ 438549 w 1703196"/>
              <a:gd name="connsiteY98" fmla="*/ 698500 h 1397000"/>
              <a:gd name="connsiteX99" fmla="*/ 406799 w 1703196"/>
              <a:gd name="connsiteY99" fmla="*/ 704850 h 1397000"/>
              <a:gd name="connsiteX100" fmla="*/ 368699 w 1703196"/>
              <a:gd name="connsiteY100" fmla="*/ 749300 h 1397000"/>
              <a:gd name="connsiteX101" fmla="*/ 325836 w 1703196"/>
              <a:gd name="connsiteY101" fmla="*/ 759618 h 1397000"/>
              <a:gd name="connsiteX102" fmla="*/ 324249 w 1703196"/>
              <a:gd name="connsiteY102" fmla="*/ 793750 h 1397000"/>
              <a:gd name="connsiteX103" fmla="*/ 279799 w 1703196"/>
              <a:gd name="connsiteY103" fmla="*/ 831850 h 1397000"/>
              <a:gd name="connsiteX104" fmla="*/ 241699 w 1703196"/>
              <a:gd name="connsiteY104" fmla="*/ 844550 h 1397000"/>
              <a:gd name="connsiteX105" fmla="*/ 209156 w 1703196"/>
              <a:gd name="connsiteY105" fmla="*/ 874713 h 1397000"/>
              <a:gd name="connsiteX106" fmla="*/ 209949 w 1703196"/>
              <a:gd name="connsiteY106" fmla="*/ 908050 h 1397000"/>
              <a:gd name="connsiteX107" fmla="*/ 165499 w 1703196"/>
              <a:gd name="connsiteY107" fmla="*/ 927100 h 1397000"/>
              <a:gd name="connsiteX108" fmla="*/ 146449 w 1703196"/>
              <a:gd name="connsiteY108" fmla="*/ 939800 h 1397000"/>
              <a:gd name="connsiteX109" fmla="*/ 127399 w 1703196"/>
              <a:gd name="connsiteY109" fmla="*/ 977900 h 1397000"/>
              <a:gd name="connsiteX110" fmla="*/ 95649 w 1703196"/>
              <a:gd name="connsiteY110" fmla="*/ 990600 h 1397000"/>
              <a:gd name="connsiteX111" fmla="*/ 51199 w 1703196"/>
              <a:gd name="connsiteY111" fmla="*/ 1009650 h 1397000"/>
              <a:gd name="connsiteX112" fmla="*/ 44849 w 1703196"/>
              <a:gd name="connsiteY112" fmla="*/ 990600 h 1397000"/>
              <a:gd name="connsiteX113" fmla="*/ 25799 w 1703196"/>
              <a:gd name="connsiteY113" fmla="*/ 984250 h 1397000"/>
              <a:gd name="connsiteX114" fmla="*/ 6749 w 1703196"/>
              <a:gd name="connsiteY114" fmla="*/ 965200 h 1397000"/>
              <a:gd name="connsiteX115" fmla="*/ 13099 w 1703196"/>
              <a:gd name="connsiteY115" fmla="*/ 927100 h 1397000"/>
              <a:gd name="connsiteX116" fmla="*/ 38499 w 1703196"/>
              <a:gd name="connsiteY116" fmla="*/ 869950 h 1397000"/>
              <a:gd name="connsiteX117" fmla="*/ 57549 w 1703196"/>
              <a:gd name="connsiteY117" fmla="*/ 806450 h 1397000"/>
              <a:gd name="connsiteX118" fmla="*/ 70249 w 1703196"/>
              <a:gd name="connsiteY118" fmla="*/ 768350 h 1397000"/>
              <a:gd name="connsiteX119" fmla="*/ 76599 w 1703196"/>
              <a:gd name="connsiteY119" fmla="*/ 749300 h 1397000"/>
              <a:gd name="connsiteX120" fmla="*/ 82949 w 1703196"/>
              <a:gd name="connsiteY120" fmla="*/ 723900 h 1397000"/>
              <a:gd name="connsiteX121" fmla="*/ 101999 w 1703196"/>
              <a:gd name="connsiteY121" fmla="*/ 717550 h 1397000"/>
              <a:gd name="connsiteX122" fmla="*/ 108349 w 1703196"/>
              <a:gd name="connsiteY122" fmla="*/ 736600 h 1397000"/>
              <a:gd name="connsiteX123" fmla="*/ 152799 w 1703196"/>
              <a:gd name="connsiteY123" fmla="*/ 723900 h 1397000"/>
              <a:gd name="connsiteX124" fmla="*/ 180580 w 1703196"/>
              <a:gd name="connsiteY124" fmla="*/ 699294 h 1397000"/>
              <a:gd name="connsiteX125" fmla="*/ 241699 w 1703196"/>
              <a:gd name="connsiteY125" fmla="*/ 660400 h 1397000"/>
              <a:gd name="connsiteX126" fmla="*/ 248049 w 1703196"/>
              <a:gd name="connsiteY126" fmla="*/ 615950 h 1397000"/>
              <a:gd name="connsiteX127" fmla="*/ 260749 w 1703196"/>
              <a:gd name="connsiteY127" fmla="*/ 590550 h 1397000"/>
              <a:gd name="connsiteX128" fmla="*/ 254399 w 1703196"/>
              <a:gd name="connsiteY128" fmla="*/ 571500 h 1397000"/>
              <a:gd name="connsiteX129" fmla="*/ 238524 w 1703196"/>
              <a:gd name="connsiteY129" fmla="*/ 532606 h 1397000"/>
              <a:gd name="connsiteX130" fmla="*/ 241699 w 1703196"/>
              <a:gd name="connsiteY130" fmla="*/ 495300 h 1397000"/>
              <a:gd name="connsiteX131" fmla="*/ 217886 w 1703196"/>
              <a:gd name="connsiteY131" fmla="*/ 465931 h 1397000"/>
              <a:gd name="connsiteX132" fmla="*/ 260749 w 1703196"/>
              <a:gd name="connsiteY132" fmla="*/ 425450 h 1397000"/>
              <a:gd name="connsiteX133" fmla="*/ 267099 w 1703196"/>
              <a:gd name="connsiteY133" fmla="*/ 406400 h 1397000"/>
              <a:gd name="connsiteX134" fmla="*/ 286149 w 1703196"/>
              <a:gd name="connsiteY134" fmla="*/ 400050 h 1397000"/>
              <a:gd name="connsiteX135" fmla="*/ 298849 w 1703196"/>
              <a:gd name="connsiteY135" fmla="*/ 361950 h 1397000"/>
              <a:gd name="connsiteX136" fmla="*/ 303611 w 1703196"/>
              <a:gd name="connsiteY136" fmla="*/ 342107 h 1397000"/>
              <a:gd name="connsiteX137" fmla="*/ 355999 w 1703196"/>
              <a:gd name="connsiteY137" fmla="*/ 349250 h 1397000"/>
              <a:gd name="connsiteX138" fmla="*/ 394099 w 1703196"/>
              <a:gd name="connsiteY138" fmla="*/ 342900 h 1397000"/>
              <a:gd name="connsiteX139" fmla="*/ 397274 w 1703196"/>
              <a:gd name="connsiteY139" fmla="*/ 294481 h 1397000"/>
              <a:gd name="connsiteX140" fmla="*/ 413149 w 1703196"/>
              <a:gd name="connsiteY140" fmla="*/ 273050 h 1397000"/>
              <a:gd name="connsiteX141" fmla="*/ 419499 w 1703196"/>
              <a:gd name="connsiteY141" fmla="*/ 260350 h 1397000"/>
              <a:gd name="connsiteX142" fmla="*/ 425849 w 1703196"/>
              <a:gd name="connsiteY142" fmla="*/ 234950 h 1397000"/>
              <a:gd name="connsiteX143" fmla="*/ 430611 w 1703196"/>
              <a:gd name="connsiteY143" fmla="*/ 214312 h 1397000"/>
              <a:gd name="connsiteX144" fmla="*/ 452043 w 1703196"/>
              <a:gd name="connsiteY144" fmla="*/ 200819 h 1397000"/>
              <a:gd name="connsiteX145" fmla="*/ 487761 w 1703196"/>
              <a:gd name="connsiteY145" fmla="*/ 190500 h 1397000"/>
              <a:gd name="connsiteX146" fmla="*/ 501255 w 1703196"/>
              <a:gd name="connsiteY146" fmla="*/ 164306 h 1397000"/>
              <a:gd name="connsiteX147" fmla="*/ 546499 w 1703196"/>
              <a:gd name="connsiteY147" fmla="*/ 177800 h 1397000"/>
              <a:gd name="connsiteX148" fmla="*/ 597299 w 1703196"/>
              <a:gd name="connsiteY148" fmla="*/ 165100 h 1397000"/>
              <a:gd name="connsiteX149" fmla="*/ 609999 w 1703196"/>
              <a:gd name="connsiteY149" fmla="*/ 139700 h 1397000"/>
              <a:gd name="connsiteX150" fmla="*/ 635399 w 1703196"/>
              <a:gd name="connsiteY150" fmla="*/ 57150 h 1397000"/>
              <a:gd name="connsiteX151" fmla="*/ 692549 w 1703196"/>
              <a:gd name="connsiteY151" fmla="*/ 63500 h 1397000"/>
              <a:gd name="connsiteX152" fmla="*/ 705249 w 1703196"/>
              <a:gd name="connsiteY152" fmla="*/ 44450 h 1397000"/>
              <a:gd name="connsiteX153" fmla="*/ 743349 w 1703196"/>
              <a:gd name="connsiteY153" fmla="*/ 63500 h 1397000"/>
              <a:gd name="connsiteX154" fmla="*/ 863999 w 1703196"/>
              <a:gd name="connsiteY154" fmla="*/ 38100 h 1397000"/>
              <a:gd name="connsiteX155" fmla="*/ 914799 w 1703196"/>
              <a:gd name="connsiteY155" fmla="*/ 31750 h 1397000"/>
              <a:gd name="connsiteX156" fmla="*/ 933849 w 1703196"/>
              <a:gd name="connsiteY156" fmla="*/ 19050 h 1397000"/>
              <a:gd name="connsiteX157" fmla="*/ 959249 w 1703196"/>
              <a:gd name="connsiteY157" fmla="*/ 6350 h 1397000"/>
              <a:gd name="connsiteX158" fmla="*/ 940199 w 1703196"/>
              <a:gd name="connsiteY158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49799 w 1703196"/>
              <a:gd name="connsiteY9" fmla="*/ 57150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85518 w 1703196"/>
              <a:gd name="connsiteY25" fmla="*/ 427831 h 1397000"/>
              <a:gd name="connsiteX26" fmla="*/ 1553768 w 1703196"/>
              <a:gd name="connsiteY26" fmla="*/ 420688 h 1397000"/>
              <a:gd name="connsiteX27" fmla="*/ 1511699 w 1703196"/>
              <a:gd name="connsiteY27" fmla="*/ 476250 h 1397000"/>
              <a:gd name="connsiteX28" fmla="*/ 1463280 w 1703196"/>
              <a:gd name="connsiteY28" fmla="*/ 453231 h 1397000"/>
              <a:gd name="connsiteX29" fmla="*/ 1429149 w 1703196"/>
              <a:gd name="connsiteY29" fmla="*/ 488950 h 1397000"/>
              <a:gd name="connsiteX30" fmla="*/ 1410099 w 1703196"/>
              <a:gd name="connsiteY30" fmla="*/ 501650 h 1397000"/>
              <a:gd name="connsiteX31" fmla="*/ 1397399 w 1703196"/>
              <a:gd name="connsiteY31" fmla="*/ 520700 h 1397000"/>
              <a:gd name="connsiteX32" fmla="*/ 1403749 w 1703196"/>
              <a:gd name="connsiteY32" fmla="*/ 539750 h 1397000"/>
              <a:gd name="connsiteX33" fmla="*/ 1378349 w 1703196"/>
              <a:gd name="connsiteY33" fmla="*/ 546100 h 1397000"/>
              <a:gd name="connsiteX34" fmla="*/ 1359299 w 1703196"/>
              <a:gd name="connsiteY34" fmla="*/ 552450 h 1397000"/>
              <a:gd name="connsiteX35" fmla="*/ 1327549 w 1703196"/>
              <a:gd name="connsiteY35" fmla="*/ 577850 h 1397000"/>
              <a:gd name="connsiteX36" fmla="*/ 1276749 w 1703196"/>
              <a:gd name="connsiteY36" fmla="*/ 590550 h 1397000"/>
              <a:gd name="connsiteX37" fmla="*/ 1264049 w 1703196"/>
              <a:gd name="connsiteY37" fmla="*/ 609600 h 1397000"/>
              <a:gd name="connsiteX38" fmla="*/ 1270399 w 1703196"/>
              <a:gd name="connsiteY38" fmla="*/ 635000 h 1397000"/>
              <a:gd name="connsiteX39" fmla="*/ 1289449 w 1703196"/>
              <a:gd name="connsiteY39" fmla="*/ 679450 h 1397000"/>
              <a:gd name="connsiteX40" fmla="*/ 1308499 w 1703196"/>
              <a:gd name="connsiteY40" fmla="*/ 889000 h 1397000"/>
              <a:gd name="connsiteX41" fmla="*/ 1295799 w 1703196"/>
              <a:gd name="connsiteY41" fmla="*/ 1016000 h 1397000"/>
              <a:gd name="connsiteX42" fmla="*/ 1308499 w 1703196"/>
              <a:gd name="connsiteY42" fmla="*/ 1047750 h 1397000"/>
              <a:gd name="connsiteX43" fmla="*/ 1333899 w 1703196"/>
              <a:gd name="connsiteY43" fmla="*/ 1085850 h 1397000"/>
              <a:gd name="connsiteX44" fmla="*/ 1352949 w 1703196"/>
              <a:gd name="connsiteY44" fmla="*/ 1130300 h 1397000"/>
              <a:gd name="connsiteX45" fmla="*/ 1365649 w 1703196"/>
              <a:gd name="connsiteY45" fmla="*/ 1174750 h 1397000"/>
              <a:gd name="connsiteX46" fmla="*/ 1340249 w 1703196"/>
              <a:gd name="connsiteY46" fmla="*/ 1162050 h 1397000"/>
              <a:gd name="connsiteX47" fmla="*/ 1308499 w 1703196"/>
              <a:gd name="connsiteY47" fmla="*/ 1155700 h 1397000"/>
              <a:gd name="connsiteX48" fmla="*/ 1238649 w 1703196"/>
              <a:gd name="connsiteY48" fmla="*/ 1143000 h 1397000"/>
              <a:gd name="connsiteX49" fmla="*/ 1213249 w 1703196"/>
              <a:gd name="connsiteY49" fmla="*/ 1123950 h 1397000"/>
              <a:gd name="connsiteX50" fmla="*/ 1219599 w 1703196"/>
              <a:gd name="connsiteY50" fmla="*/ 1143000 h 1397000"/>
              <a:gd name="connsiteX51" fmla="*/ 1194199 w 1703196"/>
              <a:gd name="connsiteY51" fmla="*/ 1200150 h 1397000"/>
              <a:gd name="connsiteX52" fmla="*/ 1200549 w 1703196"/>
              <a:gd name="connsiteY52" fmla="*/ 1244600 h 1397000"/>
              <a:gd name="connsiteX53" fmla="*/ 1194199 w 1703196"/>
              <a:gd name="connsiteY53" fmla="*/ 1270000 h 1397000"/>
              <a:gd name="connsiteX54" fmla="*/ 1175149 w 1703196"/>
              <a:gd name="connsiteY54" fmla="*/ 1346200 h 1397000"/>
              <a:gd name="connsiteX55" fmla="*/ 1187849 w 1703196"/>
              <a:gd name="connsiteY55" fmla="*/ 1365250 h 1397000"/>
              <a:gd name="connsiteX56" fmla="*/ 1168799 w 1703196"/>
              <a:gd name="connsiteY56" fmla="*/ 1371600 h 1397000"/>
              <a:gd name="connsiteX57" fmla="*/ 1086249 w 1703196"/>
              <a:gd name="connsiteY57" fmla="*/ 1397000 h 1397000"/>
              <a:gd name="connsiteX58" fmla="*/ 1041799 w 1703196"/>
              <a:gd name="connsiteY58" fmla="*/ 1384300 h 1397000"/>
              <a:gd name="connsiteX59" fmla="*/ 1022749 w 1703196"/>
              <a:gd name="connsiteY59" fmla="*/ 1377950 h 1397000"/>
              <a:gd name="connsiteX60" fmla="*/ 997349 w 1703196"/>
              <a:gd name="connsiteY60" fmla="*/ 1365250 h 1397000"/>
              <a:gd name="connsiteX61" fmla="*/ 990999 w 1703196"/>
              <a:gd name="connsiteY61" fmla="*/ 1346200 h 1397000"/>
              <a:gd name="connsiteX62" fmla="*/ 959249 w 1703196"/>
              <a:gd name="connsiteY62" fmla="*/ 1339850 h 1397000"/>
              <a:gd name="connsiteX63" fmla="*/ 940199 w 1703196"/>
              <a:gd name="connsiteY63" fmla="*/ 1327150 h 1397000"/>
              <a:gd name="connsiteX64" fmla="*/ 927499 w 1703196"/>
              <a:gd name="connsiteY64" fmla="*/ 1308100 h 1397000"/>
              <a:gd name="connsiteX65" fmla="*/ 908449 w 1703196"/>
              <a:gd name="connsiteY65" fmla="*/ 1301750 h 1397000"/>
              <a:gd name="connsiteX66" fmla="*/ 883049 w 1703196"/>
              <a:gd name="connsiteY66" fmla="*/ 1289050 h 1397000"/>
              <a:gd name="connsiteX67" fmla="*/ 876699 w 1703196"/>
              <a:gd name="connsiteY67" fmla="*/ 1270000 h 1397000"/>
              <a:gd name="connsiteX68" fmla="*/ 838599 w 1703196"/>
              <a:gd name="connsiteY68" fmla="*/ 1250950 h 1397000"/>
              <a:gd name="connsiteX69" fmla="*/ 819549 w 1703196"/>
              <a:gd name="connsiteY69" fmla="*/ 1238250 h 1397000"/>
              <a:gd name="connsiteX70" fmla="*/ 794149 w 1703196"/>
              <a:gd name="connsiteY70" fmla="*/ 1320800 h 1397000"/>
              <a:gd name="connsiteX71" fmla="*/ 768749 w 1703196"/>
              <a:gd name="connsiteY71" fmla="*/ 1327150 h 1397000"/>
              <a:gd name="connsiteX72" fmla="*/ 743349 w 1703196"/>
              <a:gd name="connsiteY72" fmla="*/ 1339850 h 1397000"/>
              <a:gd name="connsiteX73" fmla="*/ 705249 w 1703196"/>
              <a:gd name="connsiteY73" fmla="*/ 1352550 h 1397000"/>
              <a:gd name="connsiteX74" fmla="*/ 679849 w 1703196"/>
              <a:gd name="connsiteY74" fmla="*/ 1346200 h 1397000"/>
              <a:gd name="connsiteX75" fmla="*/ 660799 w 1703196"/>
              <a:gd name="connsiteY75" fmla="*/ 1333500 h 1397000"/>
              <a:gd name="connsiteX76" fmla="*/ 641749 w 1703196"/>
              <a:gd name="connsiteY76" fmla="*/ 1327150 h 1397000"/>
              <a:gd name="connsiteX77" fmla="*/ 635399 w 1703196"/>
              <a:gd name="connsiteY77" fmla="*/ 1308100 h 1397000"/>
              <a:gd name="connsiteX78" fmla="*/ 622699 w 1703196"/>
              <a:gd name="connsiteY78" fmla="*/ 1289050 h 1397000"/>
              <a:gd name="connsiteX79" fmla="*/ 635399 w 1703196"/>
              <a:gd name="connsiteY79" fmla="*/ 1219200 h 1397000"/>
              <a:gd name="connsiteX80" fmla="*/ 641749 w 1703196"/>
              <a:gd name="connsiteY80" fmla="*/ 1162050 h 1397000"/>
              <a:gd name="connsiteX81" fmla="*/ 629049 w 1703196"/>
              <a:gd name="connsiteY81" fmla="*/ 1085850 h 1397000"/>
              <a:gd name="connsiteX82" fmla="*/ 635399 w 1703196"/>
              <a:gd name="connsiteY82" fmla="*/ 1066800 h 1397000"/>
              <a:gd name="connsiteX83" fmla="*/ 641749 w 1703196"/>
              <a:gd name="connsiteY83" fmla="*/ 1041400 h 1397000"/>
              <a:gd name="connsiteX84" fmla="*/ 654449 w 1703196"/>
              <a:gd name="connsiteY84" fmla="*/ 1022350 h 1397000"/>
              <a:gd name="connsiteX85" fmla="*/ 667149 w 1703196"/>
              <a:gd name="connsiteY85" fmla="*/ 996950 h 1397000"/>
              <a:gd name="connsiteX86" fmla="*/ 679849 w 1703196"/>
              <a:gd name="connsiteY86" fmla="*/ 933450 h 1397000"/>
              <a:gd name="connsiteX87" fmla="*/ 686199 w 1703196"/>
              <a:gd name="connsiteY87" fmla="*/ 914400 h 1397000"/>
              <a:gd name="connsiteX88" fmla="*/ 705249 w 1703196"/>
              <a:gd name="connsiteY88" fmla="*/ 901700 h 1397000"/>
              <a:gd name="connsiteX89" fmla="*/ 705249 w 1703196"/>
              <a:gd name="connsiteY89" fmla="*/ 812800 h 1397000"/>
              <a:gd name="connsiteX90" fmla="*/ 684611 w 1703196"/>
              <a:gd name="connsiteY90" fmla="*/ 774700 h 1397000"/>
              <a:gd name="connsiteX91" fmla="*/ 654449 w 1703196"/>
              <a:gd name="connsiteY91" fmla="*/ 781050 h 1397000"/>
              <a:gd name="connsiteX92" fmla="*/ 635399 w 1703196"/>
              <a:gd name="connsiteY92" fmla="*/ 774700 h 1397000"/>
              <a:gd name="connsiteX93" fmla="*/ 609999 w 1703196"/>
              <a:gd name="connsiteY93" fmla="*/ 749300 h 1397000"/>
              <a:gd name="connsiteX94" fmla="*/ 568724 w 1703196"/>
              <a:gd name="connsiteY94" fmla="*/ 697706 h 1397000"/>
              <a:gd name="connsiteX95" fmla="*/ 521099 w 1703196"/>
              <a:gd name="connsiteY95" fmla="*/ 717550 h 1397000"/>
              <a:gd name="connsiteX96" fmla="*/ 473474 w 1703196"/>
              <a:gd name="connsiteY96" fmla="*/ 669131 h 1397000"/>
              <a:gd name="connsiteX97" fmla="*/ 438549 w 1703196"/>
              <a:gd name="connsiteY97" fmla="*/ 698500 h 1397000"/>
              <a:gd name="connsiteX98" fmla="*/ 406799 w 1703196"/>
              <a:gd name="connsiteY98" fmla="*/ 704850 h 1397000"/>
              <a:gd name="connsiteX99" fmla="*/ 368699 w 1703196"/>
              <a:gd name="connsiteY99" fmla="*/ 749300 h 1397000"/>
              <a:gd name="connsiteX100" fmla="*/ 325836 w 1703196"/>
              <a:gd name="connsiteY100" fmla="*/ 759618 h 1397000"/>
              <a:gd name="connsiteX101" fmla="*/ 324249 w 1703196"/>
              <a:gd name="connsiteY101" fmla="*/ 793750 h 1397000"/>
              <a:gd name="connsiteX102" fmla="*/ 279799 w 1703196"/>
              <a:gd name="connsiteY102" fmla="*/ 831850 h 1397000"/>
              <a:gd name="connsiteX103" fmla="*/ 241699 w 1703196"/>
              <a:gd name="connsiteY103" fmla="*/ 844550 h 1397000"/>
              <a:gd name="connsiteX104" fmla="*/ 209156 w 1703196"/>
              <a:gd name="connsiteY104" fmla="*/ 874713 h 1397000"/>
              <a:gd name="connsiteX105" fmla="*/ 209949 w 1703196"/>
              <a:gd name="connsiteY105" fmla="*/ 908050 h 1397000"/>
              <a:gd name="connsiteX106" fmla="*/ 165499 w 1703196"/>
              <a:gd name="connsiteY106" fmla="*/ 927100 h 1397000"/>
              <a:gd name="connsiteX107" fmla="*/ 146449 w 1703196"/>
              <a:gd name="connsiteY107" fmla="*/ 939800 h 1397000"/>
              <a:gd name="connsiteX108" fmla="*/ 127399 w 1703196"/>
              <a:gd name="connsiteY108" fmla="*/ 977900 h 1397000"/>
              <a:gd name="connsiteX109" fmla="*/ 95649 w 1703196"/>
              <a:gd name="connsiteY109" fmla="*/ 990600 h 1397000"/>
              <a:gd name="connsiteX110" fmla="*/ 51199 w 1703196"/>
              <a:gd name="connsiteY110" fmla="*/ 1009650 h 1397000"/>
              <a:gd name="connsiteX111" fmla="*/ 44849 w 1703196"/>
              <a:gd name="connsiteY111" fmla="*/ 990600 h 1397000"/>
              <a:gd name="connsiteX112" fmla="*/ 25799 w 1703196"/>
              <a:gd name="connsiteY112" fmla="*/ 984250 h 1397000"/>
              <a:gd name="connsiteX113" fmla="*/ 6749 w 1703196"/>
              <a:gd name="connsiteY113" fmla="*/ 965200 h 1397000"/>
              <a:gd name="connsiteX114" fmla="*/ 13099 w 1703196"/>
              <a:gd name="connsiteY114" fmla="*/ 927100 h 1397000"/>
              <a:gd name="connsiteX115" fmla="*/ 38499 w 1703196"/>
              <a:gd name="connsiteY115" fmla="*/ 869950 h 1397000"/>
              <a:gd name="connsiteX116" fmla="*/ 57549 w 1703196"/>
              <a:gd name="connsiteY116" fmla="*/ 806450 h 1397000"/>
              <a:gd name="connsiteX117" fmla="*/ 70249 w 1703196"/>
              <a:gd name="connsiteY117" fmla="*/ 768350 h 1397000"/>
              <a:gd name="connsiteX118" fmla="*/ 76599 w 1703196"/>
              <a:gd name="connsiteY118" fmla="*/ 749300 h 1397000"/>
              <a:gd name="connsiteX119" fmla="*/ 82949 w 1703196"/>
              <a:gd name="connsiteY119" fmla="*/ 723900 h 1397000"/>
              <a:gd name="connsiteX120" fmla="*/ 101999 w 1703196"/>
              <a:gd name="connsiteY120" fmla="*/ 717550 h 1397000"/>
              <a:gd name="connsiteX121" fmla="*/ 108349 w 1703196"/>
              <a:gd name="connsiteY121" fmla="*/ 736600 h 1397000"/>
              <a:gd name="connsiteX122" fmla="*/ 152799 w 1703196"/>
              <a:gd name="connsiteY122" fmla="*/ 723900 h 1397000"/>
              <a:gd name="connsiteX123" fmla="*/ 180580 w 1703196"/>
              <a:gd name="connsiteY123" fmla="*/ 699294 h 1397000"/>
              <a:gd name="connsiteX124" fmla="*/ 241699 w 1703196"/>
              <a:gd name="connsiteY124" fmla="*/ 660400 h 1397000"/>
              <a:gd name="connsiteX125" fmla="*/ 248049 w 1703196"/>
              <a:gd name="connsiteY125" fmla="*/ 615950 h 1397000"/>
              <a:gd name="connsiteX126" fmla="*/ 260749 w 1703196"/>
              <a:gd name="connsiteY126" fmla="*/ 590550 h 1397000"/>
              <a:gd name="connsiteX127" fmla="*/ 254399 w 1703196"/>
              <a:gd name="connsiteY127" fmla="*/ 571500 h 1397000"/>
              <a:gd name="connsiteX128" fmla="*/ 238524 w 1703196"/>
              <a:gd name="connsiteY128" fmla="*/ 532606 h 1397000"/>
              <a:gd name="connsiteX129" fmla="*/ 241699 w 1703196"/>
              <a:gd name="connsiteY129" fmla="*/ 495300 h 1397000"/>
              <a:gd name="connsiteX130" fmla="*/ 217886 w 1703196"/>
              <a:gd name="connsiteY130" fmla="*/ 465931 h 1397000"/>
              <a:gd name="connsiteX131" fmla="*/ 260749 w 1703196"/>
              <a:gd name="connsiteY131" fmla="*/ 425450 h 1397000"/>
              <a:gd name="connsiteX132" fmla="*/ 267099 w 1703196"/>
              <a:gd name="connsiteY132" fmla="*/ 406400 h 1397000"/>
              <a:gd name="connsiteX133" fmla="*/ 286149 w 1703196"/>
              <a:gd name="connsiteY133" fmla="*/ 400050 h 1397000"/>
              <a:gd name="connsiteX134" fmla="*/ 298849 w 1703196"/>
              <a:gd name="connsiteY134" fmla="*/ 361950 h 1397000"/>
              <a:gd name="connsiteX135" fmla="*/ 303611 w 1703196"/>
              <a:gd name="connsiteY135" fmla="*/ 342107 h 1397000"/>
              <a:gd name="connsiteX136" fmla="*/ 355999 w 1703196"/>
              <a:gd name="connsiteY136" fmla="*/ 349250 h 1397000"/>
              <a:gd name="connsiteX137" fmla="*/ 394099 w 1703196"/>
              <a:gd name="connsiteY137" fmla="*/ 342900 h 1397000"/>
              <a:gd name="connsiteX138" fmla="*/ 397274 w 1703196"/>
              <a:gd name="connsiteY138" fmla="*/ 294481 h 1397000"/>
              <a:gd name="connsiteX139" fmla="*/ 413149 w 1703196"/>
              <a:gd name="connsiteY139" fmla="*/ 273050 h 1397000"/>
              <a:gd name="connsiteX140" fmla="*/ 419499 w 1703196"/>
              <a:gd name="connsiteY140" fmla="*/ 260350 h 1397000"/>
              <a:gd name="connsiteX141" fmla="*/ 425849 w 1703196"/>
              <a:gd name="connsiteY141" fmla="*/ 234950 h 1397000"/>
              <a:gd name="connsiteX142" fmla="*/ 430611 w 1703196"/>
              <a:gd name="connsiteY142" fmla="*/ 214312 h 1397000"/>
              <a:gd name="connsiteX143" fmla="*/ 452043 w 1703196"/>
              <a:gd name="connsiteY143" fmla="*/ 200819 h 1397000"/>
              <a:gd name="connsiteX144" fmla="*/ 487761 w 1703196"/>
              <a:gd name="connsiteY144" fmla="*/ 190500 h 1397000"/>
              <a:gd name="connsiteX145" fmla="*/ 501255 w 1703196"/>
              <a:gd name="connsiteY145" fmla="*/ 164306 h 1397000"/>
              <a:gd name="connsiteX146" fmla="*/ 546499 w 1703196"/>
              <a:gd name="connsiteY146" fmla="*/ 177800 h 1397000"/>
              <a:gd name="connsiteX147" fmla="*/ 597299 w 1703196"/>
              <a:gd name="connsiteY147" fmla="*/ 165100 h 1397000"/>
              <a:gd name="connsiteX148" fmla="*/ 609999 w 1703196"/>
              <a:gd name="connsiteY148" fmla="*/ 139700 h 1397000"/>
              <a:gd name="connsiteX149" fmla="*/ 635399 w 1703196"/>
              <a:gd name="connsiteY149" fmla="*/ 57150 h 1397000"/>
              <a:gd name="connsiteX150" fmla="*/ 692549 w 1703196"/>
              <a:gd name="connsiteY150" fmla="*/ 63500 h 1397000"/>
              <a:gd name="connsiteX151" fmla="*/ 705249 w 1703196"/>
              <a:gd name="connsiteY151" fmla="*/ 44450 h 1397000"/>
              <a:gd name="connsiteX152" fmla="*/ 743349 w 1703196"/>
              <a:gd name="connsiteY152" fmla="*/ 63500 h 1397000"/>
              <a:gd name="connsiteX153" fmla="*/ 863999 w 1703196"/>
              <a:gd name="connsiteY153" fmla="*/ 38100 h 1397000"/>
              <a:gd name="connsiteX154" fmla="*/ 914799 w 1703196"/>
              <a:gd name="connsiteY154" fmla="*/ 31750 h 1397000"/>
              <a:gd name="connsiteX155" fmla="*/ 933849 w 1703196"/>
              <a:gd name="connsiteY155" fmla="*/ 19050 h 1397000"/>
              <a:gd name="connsiteX156" fmla="*/ 959249 w 1703196"/>
              <a:gd name="connsiteY156" fmla="*/ 6350 h 1397000"/>
              <a:gd name="connsiteX157" fmla="*/ 940199 w 1703196"/>
              <a:gd name="connsiteY157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30749 w 1703196"/>
              <a:gd name="connsiteY9" fmla="*/ 40481 h 1397000"/>
              <a:gd name="connsiteX10" fmla="*/ 1549799 w 1703196"/>
              <a:gd name="connsiteY10" fmla="*/ 114300 h 1397000"/>
              <a:gd name="connsiteX11" fmla="*/ 1575199 w 1703196"/>
              <a:gd name="connsiteY11" fmla="*/ 127000 h 1397000"/>
              <a:gd name="connsiteX12" fmla="*/ 1594249 w 1703196"/>
              <a:gd name="connsiteY12" fmla="*/ 133350 h 1397000"/>
              <a:gd name="connsiteX13" fmla="*/ 1645049 w 1703196"/>
              <a:gd name="connsiteY13" fmla="*/ 152400 h 1397000"/>
              <a:gd name="connsiteX14" fmla="*/ 1651399 w 1703196"/>
              <a:gd name="connsiteY14" fmla="*/ 184150 h 1397000"/>
              <a:gd name="connsiteX15" fmla="*/ 1664099 w 1703196"/>
              <a:gd name="connsiteY15" fmla="*/ 228600 h 1397000"/>
              <a:gd name="connsiteX16" fmla="*/ 1670449 w 1703196"/>
              <a:gd name="connsiteY16" fmla="*/ 273050 h 1397000"/>
              <a:gd name="connsiteX17" fmla="*/ 1676799 w 1703196"/>
              <a:gd name="connsiteY17" fmla="*/ 292100 h 1397000"/>
              <a:gd name="connsiteX18" fmla="*/ 1695849 w 1703196"/>
              <a:gd name="connsiteY18" fmla="*/ 298450 h 1397000"/>
              <a:gd name="connsiteX19" fmla="*/ 1689499 w 1703196"/>
              <a:gd name="connsiteY19" fmla="*/ 342900 h 1397000"/>
              <a:gd name="connsiteX20" fmla="*/ 1651399 w 1703196"/>
              <a:gd name="connsiteY20" fmla="*/ 330200 h 1397000"/>
              <a:gd name="connsiteX21" fmla="*/ 1625999 w 1703196"/>
              <a:gd name="connsiteY21" fmla="*/ 330200 h 1397000"/>
              <a:gd name="connsiteX22" fmla="*/ 1606949 w 1703196"/>
              <a:gd name="connsiteY22" fmla="*/ 336550 h 1397000"/>
              <a:gd name="connsiteX23" fmla="*/ 1594249 w 1703196"/>
              <a:gd name="connsiteY23" fmla="*/ 355600 h 1397000"/>
              <a:gd name="connsiteX24" fmla="*/ 1575199 w 1703196"/>
              <a:gd name="connsiteY24" fmla="*/ 342900 h 1397000"/>
              <a:gd name="connsiteX25" fmla="*/ 1585518 w 1703196"/>
              <a:gd name="connsiteY25" fmla="*/ 427831 h 1397000"/>
              <a:gd name="connsiteX26" fmla="*/ 1553768 w 1703196"/>
              <a:gd name="connsiteY26" fmla="*/ 420688 h 1397000"/>
              <a:gd name="connsiteX27" fmla="*/ 1511699 w 1703196"/>
              <a:gd name="connsiteY27" fmla="*/ 476250 h 1397000"/>
              <a:gd name="connsiteX28" fmla="*/ 1463280 w 1703196"/>
              <a:gd name="connsiteY28" fmla="*/ 453231 h 1397000"/>
              <a:gd name="connsiteX29" fmla="*/ 1429149 w 1703196"/>
              <a:gd name="connsiteY29" fmla="*/ 488950 h 1397000"/>
              <a:gd name="connsiteX30" fmla="*/ 1410099 w 1703196"/>
              <a:gd name="connsiteY30" fmla="*/ 501650 h 1397000"/>
              <a:gd name="connsiteX31" fmla="*/ 1397399 w 1703196"/>
              <a:gd name="connsiteY31" fmla="*/ 520700 h 1397000"/>
              <a:gd name="connsiteX32" fmla="*/ 1403749 w 1703196"/>
              <a:gd name="connsiteY32" fmla="*/ 539750 h 1397000"/>
              <a:gd name="connsiteX33" fmla="*/ 1378349 w 1703196"/>
              <a:gd name="connsiteY33" fmla="*/ 546100 h 1397000"/>
              <a:gd name="connsiteX34" fmla="*/ 1359299 w 1703196"/>
              <a:gd name="connsiteY34" fmla="*/ 552450 h 1397000"/>
              <a:gd name="connsiteX35" fmla="*/ 1327549 w 1703196"/>
              <a:gd name="connsiteY35" fmla="*/ 577850 h 1397000"/>
              <a:gd name="connsiteX36" fmla="*/ 1276749 w 1703196"/>
              <a:gd name="connsiteY36" fmla="*/ 590550 h 1397000"/>
              <a:gd name="connsiteX37" fmla="*/ 1264049 w 1703196"/>
              <a:gd name="connsiteY37" fmla="*/ 609600 h 1397000"/>
              <a:gd name="connsiteX38" fmla="*/ 1270399 w 1703196"/>
              <a:gd name="connsiteY38" fmla="*/ 635000 h 1397000"/>
              <a:gd name="connsiteX39" fmla="*/ 1289449 w 1703196"/>
              <a:gd name="connsiteY39" fmla="*/ 679450 h 1397000"/>
              <a:gd name="connsiteX40" fmla="*/ 1308499 w 1703196"/>
              <a:gd name="connsiteY40" fmla="*/ 889000 h 1397000"/>
              <a:gd name="connsiteX41" fmla="*/ 1295799 w 1703196"/>
              <a:gd name="connsiteY41" fmla="*/ 1016000 h 1397000"/>
              <a:gd name="connsiteX42" fmla="*/ 1308499 w 1703196"/>
              <a:gd name="connsiteY42" fmla="*/ 1047750 h 1397000"/>
              <a:gd name="connsiteX43" fmla="*/ 1333899 w 1703196"/>
              <a:gd name="connsiteY43" fmla="*/ 1085850 h 1397000"/>
              <a:gd name="connsiteX44" fmla="*/ 1352949 w 1703196"/>
              <a:gd name="connsiteY44" fmla="*/ 1130300 h 1397000"/>
              <a:gd name="connsiteX45" fmla="*/ 1365649 w 1703196"/>
              <a:gd name="connsiteY45" fmla="*/ 1174750 h 1397000"/>
              <a:gd name="connsiteX46" fmla="*/ 1340249 w 1703196"/>
              <a:gd name="connsiteY46" fmla="*/ 1162050 h 1397000"/>
              <a:gd name="connsiteX47" fmla="*/ 1308499 w 1703196"/>
              <a:gd name="connsiteY47" fmla="*/ 1155700 h 1397000"/>
              <a:gd name="connsiteX48" fmla="*/ 1238649 w 1703196"/>
              <a:gd name="connsiteY48" fmla="*/ 1143000 h 1397000"/>
              <a:gd name="connsiteX49" fmla="*/ 1213249 w 1703196"/>
              <a:gd name="connsiteY49" fmla="*/ 1123950 h 1397000"/>
              <a:gd name="connsiteX50" fmla="*/ 1219599 w 1703196"/>
              <a:gd name="connsiteY50" fmla="*/ 1143000 h 1397000"/>
              <a:gd name="connsiteX51" fmla="*/ 1194199 w 1703196"/>
              <a:gd name="connsiteY51" fmla="*/ 1200150 h 1397000"/>
              <a:gd name="connsiteX52" fmla="*/ 1200549 w 1703196"/>
              <a:gd name="connsiteY52" fmla="*/ 1244600 h 1397000"/>
              <a:gd name="connsiteX53" fmla="*/ 1194199 w 1703196"/>
              <a:gd name="connsiteY53" fmla="*/ 1270000 h 1397000"/>
              <a:gd name="connsiteX54" fmla="*/ 1175149 w 1703196"/>
              <a:gd name="connsiteY54" fmla="*/ 1346200 h 1397000"/>
              <a:gd name="connsiteX55" fmla="*/ 1187849 w 1703196"/>
              <a:gd name="connsiteY55" fmla="*/ 1365250 h 1397000"/>
              <a:gd name="connsiteX56" fmla="*/ 1168799 w 1703196"/>
              <a:gd name="connsiteY56" fmla="*/ 1371600 h 1397000"/>
              <a:gd name="connsiteX57" fmla="*/ 1086249 w 1703196"/>
              <a:gd name="connsiteY57" fmla="*/ 1397000 h 1397000"/>
              <a:gd name="connsiteX58" fmla="*/ 1041799 w 1703196"/>
              <a:gd name="connsiteY58" fmla="*/ 1384300 h 1397000"/>
              <a:gd name="connsiteX59" fmla="*/ 1022749 w 1703196"/>
              <a:gd name="connsiteY59" fmla="*/ 1377950 h 1397000"/>
              <a:gd name="connsiteX60" fmla="*/ 997349 w 1703196"/>
              <a:gd name="connsiteY60" fmla="*/ 1365250 h 1397000"/>
              <a:gd name="connsiteX61" fmla="*/ 990999 w 1703196"/>
              <a:gd name="connsiteY61" fmla="*/ 1346200 h 1397000"/>
              <a:gd name="connsiteX62" fmla="*/ 959249 w 1703196"/>
              <a:gd name="connsiteY62" fmla="*/ 1339850 h 1397000"/>
              <a:gd name="connsiteX63" fmla="*/ 940199 w 1703196"/>
              <a:gd name="connsiteY63" fmla="*/ 1327150 h 1397000"/>
              <a:gd name="connsiteX64" fmla="*/ 927499 w 1703196"/>
              <a:gd name="connsiteY64" fmla="*/ 1308100 h 1397000"/>
              <a:gd name="connsiteX65" fmla="*/ 908449 w 1703196"/>
              <a:gd name="connsiteY65" fmla="*/ 1301750 h 1397000"/>
              <a:gd name="connsiteX66" fmla="*/ 883049 w 1703196"/>
              <a:gd name="connsiteY66" fmla="*/ 1289050 h 1397000"/>
              <a:gd name="connsiteX67" fmla="*/ 876699 w 1703196"/>
              <a:gd name="connsiteY67" fmla="*/ 1270000 h 1397000"/>
              <a:gd name="connsiteX68" fmla="*/ 838599 w 1703196"/>
              <a:gd name="connsiteY68" fmla="*/ 1250950 h 1397000"/>
              <a:gd name="connsiteX69" fmla="*/ 819549 w 1703196"/>
              <a:gd name="connsiteY69" fmla="*/ 1238250 h 1397000"/>
              <a:gd name="connsiteX70" fmla="*/ 794149 w 1703196"/>
              <a:gd name="connsiteY70" fmla="*/ 1320800 h 1397000"/>
              <a:gd name="connsiteX71" fmla="*/ 768749 w 1703196"/>
              <a:gd name="connsiteY71" fmla="*/ 1327150 h 1397000"/>
              <a:gd name="connsiteX72" fmla="*/ 743349 w 1703196"/>
              <a:gd name="connsiteY72" fmla="*/ 1339850 h 1397000"/>
              <a:gd name="connsiteX73" fmla="*/ 705249 w 1703196"/>
              <a:gd name="connsiteY73" fmla="*/ 1352550 h 1397000"/>
              <a:gd name="connsiteX74" fmla="*/ 679849 w 1703196"/>
              <a:gd name="connsiteY74" fmla="*/ 1346200 h 1397000"/>
              <a:gd name="connsiteX75" fmla="*/ 660799 w 1703196"/>
              <a:gd name="connsiteY75" fmla="*/ 1333500 h 1397000"/>
              <a:gd name="connsiteX76" fmla="*/ 641749 w 1703196"/>
              <a:gd name="connsiteY76" fmla="*/ 1327150 h 1397000"/>
              <a:gd name="connsiteX77" fmla="*/ 635399 w 1703196"/>
              <a:gd name="connsiteY77" fmla="*/ 1308100 h 1397000"/>
              <a:gd name="connsiteX78" fmla="*/ 622699 w 1703196"/>
              <a:gd name="connsiteY78" fmla="*/ 1289050 h 1397000"/>
              <a:gd name="connsiteX79" fmla="*/ 635399 w 1703196"/>
              <a:gd name="connsiteY79" fmla="*/ 1219200 h 1397000"/>
              <a:gd name="connsiteX80" fmla="*/ 641749 w 1703196"/>
              <a:gd name="connsiteY80" fmla="*/ 1162050 h 1397000"/>
              <a:gd name="connsiteX81" fmla="*/ 629049 w 1703196"/>
              <a:gd name="connsiteY81" fmla="*/ 1085850 h 1397000"/>
              <a:gd name="connsiteX82" fmla="*/ 635399 w 1703196"/>
              <a:gd name="connsiteY82" fmla="*/ 1066800 h 1397000"/>
              <a:gd name="connsiteX83" fmla="*/ 641749 w 1703196"/>
              <a:gd name="connsiteY83" fmla="*/ 1041400 h 1397000"/>
              <a:gd name="connsiteX84" fmla="*/ 654449 w 1703196"/>
              <a:gd name="connsiteY84" fmla="*/ 1022350 h 1397000"/>
              <a:gd name="connsiteX85" fmla="*/ 667149 w 1703196"/>
              <a:gd name="connsiteY85" fmla="*/ 996950 h 1397000"/>
              <a:gd name="connsiteX86" fmla="*/ 679849 w 1703196"/>
              <a:gd name="connsiteY86" fmla="*/ 933450 h 1397000"/>
              <a:gd name="connsiteX87" fmla="*/ 686199 w 1703196"/>
              <a:gd name="connsiteY87" fmla="*/ 914400 h 1397000"/>
              <a:gd name="connsiteX88" fmla="*/ 705249 w 1703196"/>
              <a:gd name="connsiteY88" fmla="*/ 901700 h 1397000"/>
              <a:gd name="connsiteX89" fmla="*/ 705249 w 1703196"/>
              <a:gd name="connsiteY89" fmla="*/ 812800 h 1397000"/>
              <a:gd name="connsiteX90" fmla="*/ 684611 w 1703196"/>
              <a:gd name="connsiteY90" fmla="*/ 774700 h 1397000"/>
              <a:gd name="connsiteX91" fmla="*/ 654449 w 1703196"/>
              <a:gd name="connsiteY91" fmla="*/ 781050 h 1397000"/>
              <a:gd name="connsiteX92" fmla="*/ 635399 w 1703196"/>
              <a:gd name="connsiteY92" fmla="*/ 774700 h 1397000"/>
              <a:gd name="connsiteX93" fmla="*/ 609999 w 1703196"/>
              <a:gd name="connsiteY93" fmla="*/ 749300 h 1397000"/>
              <a:gd name="connsiteX94" fmla="*/ 568724 w 1703196"/>
              <a:gd name="connsiteY94" fmla="*/ 697706 h 1397000"/>
              <a:gd name="connsiteX95" fmla="*/ 521099 w 1703196"/>
              <a:gd name="connsiteY95" fmla="*/ 717550 h 1397000"/>
              <a:gd name="connsiteX96" fmla="*/ 473474 w 1703196"/>
              <a:gd name="connsiteY96" fmla="*/ 669131 h 1397000"/>
              <a:gd name="connsiteX97" fmla="*/ 438549 w 1703196"/>
              <a:gd name="connsiteY97" fmla="*/ 698500 h 1397000"/>
              <a:gd name="connsiteX98" fmla="*/ 406799 w 1703196"/>
              <a:gd name="connsiteY98" fmla="*/ 704850 h 1397000"/>
              <a:gd name="connsiteX99" fmla="*/ 368699 w 1703196"/>
              <a:gd name="connsiteY99" fmla="*/ 749300 h 1397000"/>
              <a:gd name="connsiteX100" fmla="*/ 325836 w 1703196"/>
              <a:gd name="connsiteY100" fmla="*/ 759618 h 1397000"/>
              <a:gd name="connsiteX101" fmla="*/ 324249 w 1703196"/>
              <a:gd name="connsiteY101" fmla="*/ 793750 h 1397000"/>
              <a:gd name="connsiteX102" fmla="*/ 279799 w 1703196"/>
              <a:gd name="connsiteY102" fmla="*/ 831850 h 1397000"/>
              <a:gd name="connsiteX103" fmla="*/ 241699 w 1703196"/>
              <a:gd name="connsiteY103" fmla="*/ 844550 h 1397000"/>
              <a:gd name="connsiteX104" fmla="*/ 209156 w 1703196"/>
              <a:gd name="connsiteY104" fmla="*/ 874713 h 1397000"/>
              <a:gd name="connsiteX105" fmla="*/ 209949 w 1703196"/>
              <a:gd name="connsiteY105" fmla="*/ 908050 h 1397000"/>
              <a:gd name="connsiteX106" fmla="*/ 165499 w 1703196"/>
              <a:gd name="connsiteY106" fmla="*/ 927100 h 1397000"/>
              <a:gd name="connsiteX107" fmla="*/ 146449 w 1703196"/>
              <a:gd name="connsiteY107" fmla="*/ 939800 h 1397000"/>
              <a:gd name="connsiteX108" fmla="*/ 127399 w 1703196"/>
              <a:gd name="connsiteY108" fmla="*/ 977900 h 1397000"/>
              <a:gd name="connsiteX109" fmla="*/ 95649 w 1703196"/>
              <a:gd name="connsiteY109" fmla="*/ 990600 h 1397000"/>
              <a:gd name="connsiteX110" fmla="*/ 51199 w 1703196"/>
              <a:gd name="connsiteY110" fmla="*/ 1009650 h 1397000"/>
              <a:gd name="connsiteX111" fmla="*/ 44849 w 1703196"/>
              <a:gd name="connsiteY111" fmla="*/ 990600 h 1397000"/>
              <a:gd name="connsiteX112" fmla="*/ 25799 w 1703196"/>
              <a:gd name="connsiteY112" fmla="*/ 984250 h 1397000"/>
              <a:gd name="connsiteX113" fmla="*/ 6749 w 1703196"/>
              <a:gd name="connsiteY113" fmla="*/ 965200 h 1397000"/>
              <a:gd name="connsiteX114" fmla="*/ 13099 w 1703196"/>
              <a:gd name="connsiteY114" fmla="*/ 927100 h 1397000"/>
              <a:gd name="connsiteX115" fmla="*/ 38499 w 1703196"/>
              <a:gd name="connsiteY115" fmla="*/ 869950 h 1397000"/>
              <a:gd name="connsiteX116" fmla="*/ 57549 w 1703196"/>
              <a:gd name="connsiteY116" fmla="*/ 806450 h 1397000"/>
              <a:gd name="connsiteX117" fmla="*/ 70249 w 1703196"/>
              <a:gd name="connsiteY117" fmla="*/ 768350 h 1397000"/>
              <a:gd name="connsiteX118" fmla="*/ 76599 w 1703196"/>
              <a:gd name="connsiteY118" fmla="*/ 749300 h 1397000"/>
              <a:gd name="connsiteX119" fmla="*/ 82949 w 1703196"/>
              <a:gd name="connsiteY119" fmla="*/ 723900 h 1397000"/>
              <a:gd name="connsiteX120" fmla="*/ 101999 w 1703196"/>
              <a:gd name="connsiteY120" fmla="*/ 717550 h 1397000"/>
              <a:gd name="connsiteX121" fmla="*/ 108349 w 1703196"/>
              <a:gd name="connsiteY121" fmla="*/ 736600 h 1397000"/>
              <a:gd name="connsiteX122" fmla="*/ 152799 w 1703196"/>
              <a:gd name="connsiteY122" fmla="*/ 723900 h 1397000"/>
              <a:gd name="connsiteX123" fmla="*/ 180580 w 1703196"/>
              <a:gd name="connsiteY123" fmla="*/ 699294 h 1397000"/>
              <a:gd name="connsiteX124" fmla="*/ 241699 w 1703196"/>
              <a:gd name="connsiteY124" fmla="*/ 660400 h 1397000"/>
              <a:gd name="connsiteX125" fmla="*/ 248049 w 1703196"/>
              <a:gd name="connsiteY125" fmla="*/ 615950 h 1397000"/>
              <a:gd name="connsiteX126" fmla="*/ 260749 w 1703196"/>
              <a:gd name="connsiteY126" fmla="*/ 590550 h 1397000"/>
              <a:gd name="connsiteX127" fmla="*/ 254399 w 1703196"/>
              <a:gd name="connsiteY127" fmla="*/ 571500 h 1397000"/>
              <a:gd name="connsiteX128" fmla="*/ 238524 w 1703196"/>
              <a:gd name="connsiteY128" fmla="*/ 532606 h 1397000"/>
              <a:gd name="connsiteX129" fmla="*/ 241699 w 1703196"/>
              <a:gd name="connsiteY129" fmla="*/ 495300 h 1397000"/>
              <a:gd name="connsiteX130" fmla="*/ 217886 w 1703196"/>
              <a:gd name="connsiteY130" fmla="*/ 465931 h 1397000"/>
              <a:gd name="connsiteX131" fmla="*/ 260749 w 1703196"/>
              <a:gd name="connsiteY131" fmla="*/ 425450 h 1397000"/>
              <a:gd name="connsiteX132" fmla="*/ 267099 w 1703196"/>
              <a:gd name="connsiteY132" fmla="*/ 406400 h 1397000"/>
              <a:gd name="connsiteX133" fmla="*/ 286149 w 1703196"/>
              <a:gd name="connsiteY133" fmla="*/ 400050 h 1397000"/>
              <a:gd name="connsiteX134" fmla="*/ 298849 w 1703196"/>
              <a:gd name="connsiteY134" fmla="*/ 361950 h 1397000"/>
              <a:gd name="connsiteX135" fmla="*/ 303611 w 1703196"/>
              <a:gd name="connsiteY135" fmla="*/ 342107 h 1397000"/>
              <a:gd name="connsiteX136" fmla="*/ 355999 w 1703196"/>
              <a:gd name="connsiteY136" fmla="*/ 349250 h 1397000"/>
              <a:gd name="connsiteX137" fmla="*/ 394099 w 1703196"/>
              <a:gd name="connsiteY137" fmla="*/ 342900 h 1397000"/>
              <a:gd name="connsiteX138" fmla="*/ 397274 w 1703196"/>
              <a:gd name="connsiteY138" fmla="*/ 294481 h 1397000"/>
              <a:gd name="connsiteX139" fmla="*/ 413149 w 1703196"/>
              <a:gd name="connsiteY139" fmla="*/ 273050 h 1397000"/>
              <a:gd name="connsiteX140" fmla="*/ 419499 w 1703196"/>
              <a:gd name="connsiteY140" fmla="*/ 260350 h 1397000"/>
              <a:gd name="connsiteX141" fmla="*/ 425849 w 1703196"/>
              <a:gd name="connsiteY141" fmla="*/ 234950 h 1397000"/>
              <a:gd name="connsiteX142" fmla="*/ 430611 w 1703196"/>
              <a:gd name="connsiteY142" fmla="*/ 214312 h 1397000"/>
              <a:gd name="connsiteX143" fmla="*/ 452043 w 1703196"/>
              <a:gd name="connsiteY143" fmla="*/ 200819 h 1397000"/>
              <a:gd name="connsiteX144" fmla="*/ 487761 w 1703196"/>
              <a:gd name="connsiteY144" fmla="*/ 190500 h 1397000"/>
              <a:gd name="connsiteX145" fmla="*/ 501255 w 1703196"/>
              <a:gd name="connsiteY145" fmla="*/ 164306 h 1397000"/>
              <a:gd name="connsiteX146" fmla="*/ 546499 w 1703196"/>
              <a:gd name="connsiteY146" fmla="*/ 177800 h 1397000"/>
              <a:gd name="connsiteX147" fmla="*/ 597299 w 1703196"/>
              <a:gd name="connsiteY147" fmla="*/ 165100 h 1397000"/>
              <a:gd name="connsiteX148" fmla="*/ 609999 w 1703196"/>
              <a:gd name="connsiteY148" fmla="*/ 139700 h 1397000"/>
              <a:gd name="connsiteX149" fmla="*/ 635399 w 1703196"/>
              <a:gd name="connsiteY149" fmla="*/ 57150 h 1397000"/>
              <a:gd name="connsiteX150" fmla="*/ 692549 w 1703196"/>
              <a:gd name="connsiteY150" fmla="*/ 63500 h 1397000"/>
              <a:gd name="connsiteX151" fmla="*/ 705249 w 1703196"/>
              <a:gd name="connsiteY151" fmla="*/ 44450 h 1397000"/>
              <a:gd name="connsiteX152" fmla="*/ 743349 w 1703196"/>
              <a:gd name="connsiteY152" fmla="*/ 63500 h 1397000"/>
              <a:gd name="connsiteX153" fmla="*/ 863999 w 1703196"/>
              <a:gd name="connsiteY153" fmla="*/ 38100 h 1397000"/>
              <a:gd name="connsiteX154" fmla="*/ 914799 w 1703196"/>
              <a:gd name="connsiteY154" fmla="*/ 31750 h 1397000"/>
              <a:gd name="connsiteX155" fmla="*/ 933849 w 1703196"/>
              <a:gd name="connsiteY155" fmla="*/ 19050 h 1397000"/>
              <a:gd name="connsiteX156" fmla="*/ 959249 w 1703196"/>
              <a:gd name="connsiteY156" fmla="*/ 6350 h 1397000"/>
              <a:gd name="connsiteX157" fmla="*/ 940199 w 1703196"/>
              <a:gd name="connsiteY157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30749 w 1703196"/>
              <a:gd name="connsiteY9" fmla="*/ 40481 h 1397000"/>
              <a:gd name="connsiteX10" fmla="*/ 1549799 w 1703196"/>
              <a:gd name="connsiteY10" fmla="*/ 114300 h 1397000"/>
              <a:gd name="connsiteX11" fmla="*/ 1594249 w 1703196"/>
              <a:gd name="connsiteY11" fmla="*/ 133350 h 1397000"/>
              <a:gd name="connsiteX12" fmla="*/ 1645049 w 1703196"/>
              <a:gd name="connsiteY12" fmla="*/ 152400 h 1397000"/>
              <a:gd name="connsiteX13" fmla="*/ 1651399 w 1703196"/>
              <a:gd name="connsiteY13" fmla="*/ 184150 h 1397000"/>
              <a:gd name="connsiteX14" fmla="*/ 1664099 w 1703196"/>
              <a:gd name="connsiteY14" fmla="*/ 228600 h 1397000"/>
              <a:gd name="connsiteX15" fmla="*/ 1670449 w 1703196"/>
              <a:gd name="connsiteY15" fmla="*/ 273050 h 1397000"/>
              <a:gd name="connsiteX16" fmla="*/ 1676799 w 1703196"/>
              <a:gd name="connsiteY16" fmla="*/ 292100 h 1397000"/>
              <a:gd name="connsiteX17" fmla="*/ 1695849 w 1703196"/>
              <a:gd name="connsiteY17" fmla="*/ 298450 h 1397000"/>
              <a:gd name="connsiteX18" fmla="*/ 1689499 w 1703196"/>
              <a:gd name="connsiteY18" fmla="*/ 342900 h 1397000"/>
              <a:gd name="connsiteX19" fmla="*/ 1651399 w 1703196"/>
              <a:gd name="connsiteY19" fmla="*/ 330200 h 1397000"/>
              <a:gd name="connsiteX20" fmla="*/ 1625999 w 1703196"/>
              <a:gd name="connsiteY20" fmla="*/ 330200 h 1397000"/>
              <a:gd name="connsiteX21" fmla="*/ 1606949 w 1703196"/>
              <a:gd name="connsiteY21" fmla="*/ 336550 h 1397000"/>
              <a:gd name="connsiteX22" fmla="*/ 1594249 w 1703196"/>
              <a:gd name="connsiteY22" fmla="*/ 355600 h 1397000"/>
              <a:gd name="connsiteX23" fmla="*/ 1575199 w 1703196"/>
              <a:gd name="connsiteY23" fmla="*/ 342900 h 1397000"/>
              <a:gd name="connsiteX24" fmla="*/ 1585518 w 1703196"/>
              <a:gd name="connsiteY24" fmla="*/ 427831 h 1397000"/>
              <a:gd name="connsiteX25" fmla="*/ 1553768 w 1703196"/>
              <a:gd name="connsiteY25" fmla="*/ 420688 h 1397000"/>
              <a:gd name="connsiteX26" fmla="*/ 1511699 w 1703196"/>
              <a:gd name="connsiteY26" fmla="*/ 476250 h 1397000"/>
              <a:gd name="connsiteX27" fmla="*/ 1463280 w 1703196"/>
              <a:gd name="connsiteY27" fmla="*/ 453231 h 1397000"/>
              <a:gd name="connsiteX28" fmla="*/ 1429149 w 1703196"/>
              <a:gd name="connsiteY28" fmla="*/ 488950 h 1397000"/>
              <a:gd name="connsiteX29" fmla="*/ 1410099 w 1703196"/>
              <a:gd name="connsiteY29" fmla="*/ 501650 h 1397000"/>
              <a:gd name="connsiteX30" fmla="*/ 1397399 w 1703196"/>
              <a:gd name="connsiteY30" fmla="*/ 520700 h 1397000"/>
              <a:gd name="connsiteX31" fmla="*/ 1403749 w 1703196"/>
              <a:gd name="connsiteY31" fmla="*/ 539750 h 1397000"/>
              <a:gd name="connsiteX32" fmla="*/ 1378349 w 1703196"/>
              <a:gd name="connsiteY32" fmla="*/ 546100 h 1397000"/>
              <a:gd name="connsiteX33" fmla="*/ 1359299 w 1703196"/>
              <a:gd name="connsiteY33" fmla="*/ 552450 h 1397000"/>
              <a:gd name="connsiteX34" fmla="*/ 1327549 w 1703196"/>
              <a:gd name="connsiteY34" fmla="*/ 577850 h 1397000"/>
              <a:gd name="connsiteX35" fmla="*/ 1276749 w 1703196"/>
              <a:gd name="connsiteY35" fmla="*/ 590550 h 1397000"/>
              <a:gd name="connsiteX36" fmla="*/ 1264049 w 1703196"/>
              <a:gd name="connsiteY36" fmla="*/ 609600 h 1397000"/>
              <a:gd name="connsiteX37" fmla="*/ 1270399 w 1703196"/>
              <a:gd name="connsiteY37" fmla="*/ 635000 h 1397000"/>
              <a:gd name="connsiteX38" fmla="*/ 1289449 w 1703196"/>
              <a:gd name="connsiteY38" fmla="*/ 679450 h 1397000"/>
              <a:gd name="connsiteX39" fmla="*/ 1308499 w 1703196"/>
              <a:gd name="connsiteY39" fmla="*/ 889000 h 1397000"/>
              <a:gd name="connsiteX40" fmla="*/ 1295799 w 1703196"/>
              <a:gd name="connsiteY40" fmla="*/ 1016000 h 1397000"/>
              <a:gd name="connsiteX41" fmla="*/ 1308499 w 1703196"/>
              <a:gd name="connsiteY41" fmla="*/ 1047750 h 1397000"/>
              <a:gd name="connsiteX42" fmla="*/ 1333899 w 1703196"/>
              <a:gd name="connsiteY42" fmla="*/ 1085850 h 1397000"/>
              <a:gd name="connsiteX43" fmla="*/ 1352949 w 1703196"/>
              <a:gd name="connsiteY43" fmla="*/ 1130300 h 1397000"/>
              <a:gd name="connsiteX44" fmla="*/ 1365649 w 1703196"/>
              <a:gd name="connsiteY44" fmla="*/ 1174750 h 1397000"/>
              <a:gd name="connsiteX45" fmla="*/ 1340249 w 1703196"/>
              <a:gd name="connsiteY45" fmla="*/ 1162050 h 1397000"/>
              <a:gd name="connsiteX46" fmla="*/ 1308499 w 1703196"/>
              <a:gd name="connsiteY46" fmla="*/ 1155700 h 1397000"/>
              <a:gd name="connsiteX47" fmla="*/ 1238649 w 1703196"/>
              <a:gd name="connsiteY47" fmla="*/ 1143000 h 1397000"/>
              <a:gd name="connsiteX48" fmla="*/ 1213249 w 1703196"/>
              <a:gd name="connsiteY48" fmla="*/ 1123950 h 1397000"/>
              <a:gd name="connsiteX49" fmla="*/ 1219599 w 1703196"/>
              <a:gd name="connsiteY49" fmla="*/ 1143000 h 1397000"/>
              <a:gd name="connsiteX50" fmla="*/ 1194199 w 1703196"/>
              <a:gd name="connsiteY50" fmla="*/ 1200150 h 1397000"/>
              <a:gd name="connsiteX51" fmla="*/ 1200549 w 1703196"/>
              <a:gd name="connsiteY51" fmla="*/ 1244600 h 1397000"/>
              <a:gd name="connsiteX52" fmla="*/ 1194199 w 1703196"/>
              <a:gd name="connsiteY52" fmla="*/ 1270000 h 1397000"/>
              <a:gd name="connsiteX53" fmla="*/ 1175149 w 1703196"/>
              <a:gd name="connsiteY53" fmla="*/ 1346200 h 1397000"/>
              <a:gd name="connsiteX54" fmla="*/ 1187849 w 1703196"/>
              <a:gd name="connsiteY54" fmla="*/ 1365250 h 1397000"/>
              <a:gd name="connsiteX55" fmla="*/ 1168799 w 1703196"/>
              <a:gd name="connsiteY55" fmla="*/ 1371600 h 1397000"/>
              <a:gd name="connsiteX56" fmla="*/ 1086249 w 1703196"/>
              <a:gd name="connsiteY56" fmla="*/ 1397000 h 1397000"/>
              <a:gd name="connsiteX57" fmla="*/ 1041799 w 1703196"/>
              <a:gd name="connsiteY57" fmla="*/ 1384300 h 1397000"/>
              <a:gd name="connsiteX58" fmla="*/ 1022749 w 1703196"/>
              <a:gd name="connsiteY58" fmla="*/ 1377950 h 1397000"/>
              <a:gd name="connsiteX59" fmla="*/ 997349 w 1703196"/>
              <a:gd name="connsiteY59" fmla="*/ 1365250 h 1397000"/>
              <a:gd name="connsiteX60" fmla="*/ 990999 w 1703196"/>
              <a:gd name="connsiteY60" fmla="*/ 1346200 h 1397000"/>
              <a:gd name="connsiteX61" fmla="*/ 959249 w 1703196"/>
              <a:gd name="connsiteY61" fmla="*/ 1339850 h 1397000"/>
              <a:gd name="connsiteX62" fmla="*/ 940199 w 1703196"/>
              <a:gd name="connsiteY62" fmla="*/ 1327150 h 1397000"/>
              <a:gd name="connsiteX63" fmla="*/ 927499 w 1703196"/>
              <a:gd name="connsiteY63" fmla="*/ 1308100 h 1397000"/>
              <a:gd name="connsiteX64" fmla="*/ 908449 w 1703196"/>
              <a:gd name="connsiteY64" fmla="*/ 1301750 h 1397000"/>
              <a:gd name="connsiteX65" fmla="*/ 883049 w 1703196"/>
              <a:gd name="connsiteY65" fmla="*/ 1289050 h 1397000"/>
              <a:gd name="connsiteX66" fmla="*/ 876699 w 1703196"/>
              <a:gd name="connsiteY66" fmla="*/ 1270000 h 1397000"/>
              <a:gd name="connsiteX67" fmla="*/ 838599 w 1703196"/>
              <a:gd name="connsiteY67" fmla="*/ 1250950 h 1397000"/>
              <a:gd name="connsiteX68" fmla="*/ 819549 w 1703196"/>
              <a:gd name="connsiteY68" fmla="*/ 1238250 h 1397000"/>
              <a:gd name="connsiteX69" fmla="*/ 794149 w 1703196"/>
              <a:gd name="connsiteY69" fmla="*/ 1320800 h 1397000"/>
              <a:gd name="connsiteX70" fmla="*/ 768749 w 1703196"/>
              <a:gd name="connsiteY70" fmla="*/ 1327150 h 1397000"/>
              <a:gd name="connsiteX71" fmla="*/ 743349 w 1703196"/>
              <a:gd name="connsiteY71" fmla="*/ 1339850 h 1397000"/>
              <a:gd name="connsiteX72" fmla="*/ 705249 w 1703196"/>
              <a:gd name="connsiteY72" fmla="*/ 1352550 h 1397000"/>
              <a:gd name="connsiteX73" fmla="*/ 679849 w 1703196"/>
              <a:gd name="connsiteY73" fmla="*/ 1346200 h 1397000"/>
              <a:gd name="connsiteX74" fmla="*/ 660799 w 1703196"/>
              <a:gd name="connsiteY74" fmla="*/ 1333500 h 1397000"/>
              <a:gd name="connsiteX75" fmla="*/ 641749 w 1703196"/>
              <a:gd name="connsiteY75" fmla="*/ 1327150 h 1397000"/>
              <a:gd name="connsiteX76" fmla="*/ 635399 w 1703196"/>
              <a:gd name="connsiteY76" fmla="*/ 1308100 h 1397000"/>
              <a:gd name="connsiteX77" fmla="*/ 622699 w 1703196"/>
              <a:gd name="connsiteY77" fmla="*/ 1289050 h 1397000"/>
              <a:gd name="connsiteX78" fmla="*/ 635399 w 1703196"/>
              <a:gd name="connsiteY78" fmla="*/ 1219200 h 1397000"/>
              <a:gd name="connsiteX79" fmla="*/ 641749 w 1703196"/>
              <a:gd name="connsiteY79" fmla="*/ 1162050 h 1397000"/>
              <a:gd name="connsiteX80" fmla="*/ 629049 w 1703196"/>
              <a:gd name="connsiteY80" fmla="*/ 1085850 h 1397000"/>
              <a:gd name="connsiteX81" fmla="*/ 635399 w 1703196"/>
              <a:gd name="connsiteY81" fmla="*/ 1066800 h 1397000"/>
              <a:gd name="connsiteX82" fmla="*/ 641749 w 1703196"/>
              <a:gd name="connsiteY82" fmla="*/ 1041400 h 1397000"/>
              <a:gd name="connsiteX83" fmla="*/ 654449 w 1703196"/>
              <a:gd name="connsiteY83" fmla="*/ 1022350 h 1397000"/>
              <a:gd name="connsiteX84" fmla="*/ 667149 w 1703196"/>
              <a:gd name="connsiteY84" fmla="*/ 996950 h 1397000"/>
              <a:gd name="connsiteX85" fmla="*/ 679849 w 1703196"/>
              <a:gd name="connsiteY85" fmla="*/ 933450 h 1397000"/>
              <a:gd name="connsiteX86" fmla="*/ 686199 w 1703196"/>
              <a:gd name="connsiteY86" fmla="*/ 914400 h 1397000"/>
              <a:gd name="connsiteX87" fmla="*/ 705249 w 1703196"/>
              <a:gd name="connsiteY87" fmla="*/ 901700 h 1397000"/>
              <a:gd name="connsiteX88" fmla="*/ 705249 w 1703196"/>
              <a:gd name="connsiteY88" fmla="*/ 812800 h 1397000"/>
              <a:gd name="connsiteX89" fmla="*/ 684611 w 1703196"/>
              <a:gd name="connsiteY89" fmla="*/ 774700 h 1397000"/>
              <a:gd name="connsiteX90" fmla="*/ 654449 w 1703196"/>
              <a:gd name="connsiteY90" fmla="*/ 781050 h 1397000"/>
              <a:gd name="connsiteX91" fmla="*/ 635399 w 1703196"/>
              <a:gd name="connsiteY91" fmla="*/ 774700 h 1397000"/>
              <a:gd name="connsiteX92" fmla="*/ 609999 w 1703196"/>
              <a:gd name="connsiteY92" fmla="*/ 749300 h 1397000"/>
              <a:gd name="connsiteX93" fmla="*/ 568724 w 1703196"/>
              <a:gd name="connsiteY93" fmla="*/ 697706 h 1397000"/>
              <a:gd name="connsiteX94" fmla="*/ 521099 w 1703196"/>
              <a:gd name="connsiteY94" fmla="*/ 717550 h 1397000"/>
              <a:gd name="connsiteX95" fmla="*/ 473474 w 1703196"/>
              <a:gd name="connsiteY95" fmla="*/ 669131 h 1397000"/>
              <a:gd name="connsiteX96" fmla="*/ 438549 w 1703196"/>
              <a:gd name="connsiteY96" fmla="*/ 698500 h 1397000"/>
              <a:gd name="connsiteX97" fmla="*/ 406799 w 1703196"/>
              <a:gd name="connsiteY97" fmla="*/ 704850 h 1397000"/>
              <a:gd name="connsiteX98" fmla="*/ 368699 w 1703196"/>
              <a:gd name="connsiteY98" fmla="*/ 749300 h 1397000"/>
              <a:gd name="connsiteX99" fmla="*/ 325836 w 1703196"/>
              <a:gd name="connsiteY99" fmla="*/ 759618 h 1397000"/>
              <a:gd name="connsiteX100" fmla="*/ 324249 w 1703196"/>
              <a:gd name="connsiteY100" fmla="*/ 793750 h 1397000"/>
              <a:gd name="connsiteX101" fmla="*/ 279799 w 1703196"/>
              <a:gd name="connsiteY101" fmla="*/ 831850 h 1397000"/>
              <a:gd name="connsiteX102" fmla="*/ 241699 w 1703196"/>
              <a:gd name="connsiteY102" fmla="*/ 844550 h 1397000"/>
              <a:gd name="connsiteX103" fmla="*/ 209156 w 1703196"/>
              <a:gd name="connsiteY103" fmla="*/ 874713 h 1397000"/>
              <a:gd name="connsiteX104" fmla="*/ 209949 w 1703196"/>
              <a:gd name="connsiteY104" fmla="*/ 908050 h 1397000"/>
              <a:gd name="connsiteX105" fmla="*/ 165499 w 1703196"/>
              <a:gd name="connsiteY105" fmla="*/ 927100 h 1397000"/>
              <a:gd name="connsiteX106" fmla="*/ 146449 w 1703196"/>
              <a:gd name="connsiteY106" fmla="*/ 939800 h 1397000"/>
              <a:gd name="connsiteX107" fmla="*/ 127399 w 1703196"/>
              <a:gd name="connsiteY107" fmla="*/ 977900 h 1397000"/>
              <a:gd name="connsiteX108" fmla="*/ 95649 w 1703196"/>
              <a:gd name="connsiteY108" fmla="*/ 990600 h 1397000"/>
              <a:gd name="connsiteX109" fmla="*/ 51199 w 1703196"/>
              <a:gd name="connsiteY109" fmla="*/ 1009650 h 1397000"/>
              <a:gd name="connsiteX110" fmla="*/ 44849 w 1703196"/>
              <a:gd name="connsiteY110" fmla="*/ 990600 h 1397000"/>
              <a:gd name="connsiteX111" fmla="*/ 25799 w 1703196"/>
              <a:gd name="connsiteY111" fmla="*/ 984250 h 1397000"/>
              <a:gd name="connsiteX112" fmla="*/ 6749 w 1703196"/>
              <a:gd name="connsiteY112" fmla="*/ 965200 h 1397000"/>
              <a:gd name="connsiteX113" fmla="*/ 13099 w 1703196"/>
              <a:gd name="connsiteY113" fmla="*/ 927100 h 1397000"/>
              <a:gd name="connsiteX114" fmla="*/ 38499 w 1703196"/>
              <a:gd name="connsiteY114" fmla="*/ 869950 h 1397000"/>
              <a:gd name="connsiteX115" fmla="*/ 57549 w 1703196"/>
              <a:gd name="connsiteY115" fmla="*/ 806450 h 1397000"/>
              <a:gd name="connsiteX116" fmla="*/ 70249 w 1703196"/>
              <a:gd name="connsiteY116" fmla="*/ 768350 h 1397000"/>
              <a:gd name="connsiteX117" fmla="*/ 76599 w 1703196"/>
              <a:gd name="connsiteY117" fmla="*/ 749300 h 1397000"/>
              <a:gd name="connsiteX118" fmla="*/ 82949 w 1703196"/>
              <a:gd name="connsiteY118" fmla="*/ 723900 h 1397000"/>
              <a:gd name="connsiteX119" fmla="*/ 101999 w 1703196"/>
              <a:gd name="connsiteY119" fmla="*/ 717550 h 1397000"/>
              <a:gd name="connsiteX120" fmla="*/ 108349 w 1703196"/>
              <a:gd name="connsiteY120" fmla="*/ 736600 h 1397000"/>
              <a:gd name="connsiteX121" fmla="*/ 152799 w 1703196"/>
              <a:gd name="connsiteY121" fmla="*/ 723900 h 1397000"/>
              <a:gd name="connsiteX122" fmla="*/ 180580 w 1703196"/>
              <a:gd name="connsiteY122" fmla="*/ 699294 h 1397000"/>
              <a:gd name="connsiteX123" fmla="*/ 241699 w 1703196"/>
              <a:gd name="connsiteY123" fmla="*/ 660400 h 1397000"/>
              <a:gd name="connsiteX124" fmla="*/ 248049 w 1703196"/>
              <a:gd name="connsiteY124" fmla="*/ 615950 h 1397000"/>
              <a:gd name="connsiteX125" fmla="*/ 260749 w 1703196"/>
              <a:gd name="connsiteY125" fmla="*/ 590550 h 1397000"/>
              <a:gd name="connsiteX126" fmla="*/ 254399 w 1703196"/>
              <a:gd name="connsiteY126" fmla="*/ 571500 h 1397000"/>
              <a:gd name="connsiteX127" fmla="*/ 238524 w 1703196"/>
              <a:gd name="connsiteY127" fmla="*/ 532606 h 1397000"/>
              <a:gd name="connsiteX128" fmla="*/ 241699 w 1703196"/>
              <a:gd name="connsiteY128" fmla="*/ 495300 h 1397000"/>
              <a:gd name="connsiteX129" fmla="*/ 217886 w 1703196"/>
              <a:gd name="connsiteY129" fmla="*/ 465931 h 1397000"/>
              <a:gd name="connsiteX130" fmla="*/ 260749 w 1703196"/>
              <a:gd name="connsiteY130" fmla="*/ 425450 h 1397000"/>
              <a:gd name="connsiteX131" fmla="*/ 267099 w 1703196"/>
              <a:gd name="connsiteY131" fmla="*/ 406400 h 1397000"/>
              <a:gd name="connsiteX132" fmla="*/ 286149 w 1703196"/>
              <a:gd name="connsiteY132" fmla="*/ 400050 h 1397000"/>
              <a:gd name="connsiteX133" fmla="*/ 298849 w 1703196"/>
              <a:gd name="connsiteY133" fmla="*/ 361950 h 1397000"/>
              <a:gd name="connsiteX134" fmla="*/ 303611 w 1703196"/>
              <a:gd name="connsiteY134" fmla="*/ 342107 h 1397000"/>
              <a:gd name="connsiteX135" fmla="*/ 355999 w 1703196"/>
              <a:gd name="connsiteY135" fmla="*/ 349250 h 1397000"/>
              <a:gd name="connsiteX136" fmla="*/ 394099 w 1703196"/>
              <a:gd name="connsiteY136" fmla="*/ 342900 h 1397000"/>
              <a:gd name="connsiteX137" fmla="*/ 397274 w 1703196"/>
              <a:gd name="connsiteY137" fmla="*/ 294481 h 1397000"/>
              <a:gd name="connsiteX138" fmla="*/ 413149 w 1703196"/>
              <a:gd name="connsiteY138" fmla="*/ 273050 h 1397000"/>
              <a:gd name="connsiteX139" fmla="*/ 419499 w 1703196"/>
              <a:gd name="connsiteY139" fmla="*/ 260350 h 1397000"/>
              <a:gd name="connsiteX140" fmla="*/ 425849 w 1703196"/>
              <a:gd name="connsiteY140" fmla="*/ 234950 h 1397000"/>
              <a:gd name="connsiteX141" fmla="*/ 430611 w 1703196"/>
              <a:gd name="connsiteY141" fmla="*/ 214312 h 1397000"/>
              <a:gd name="connsiteX142" fmla="*/ 452043 w 1703196"/>
              <a:gd name="connsiteY142" fmla="*/ 200819 h 1397000"/>
              <a:gd name="connsiteX143" fmla="*/ 487761 w 1703196"/>
              <a:gd name="connsiteY143" fmla="*/ 190500 h 1397000"/>
              <a:gd name="connsiteX144" fmla="*/ 501255 w 1703196"/>
              <a:gd name="connsiteY144" fmla="*/ 164306 h 1397000"/>
              <a:gd name="connsiteX145" fmla="*/ 546499 w 1703196"/>
              <a:gd name="connsiteY145" fmla="*/ 177800 h 1397000"/>
              <a:gd name="connsiteX146" fmla="*/ 597299 w 1703196"/>
              <a:gd name="connsiteY146" fmla="*/ 165100 h 1397000"/>
              <a:gd name="connsiteX147" fmla="*/ 609999 w 1703196"/>
              <a:gd name="connsiteY147" fmla="*/ 139700 h 1397000"/>
              <a:gd name="connsiteX148" fmla="*/ 635399 w 1703196"/>
              <a:gd name="connsiteY148" fmla="*/ 57150 h 1397000"/>
              <a:gd name="connsiteX149" fmla="*/ 692549 w 1703196"/>
              <a:gd name="connsiteY149" fmla="*/ 63500 h 1397000"/>
              <a:gd name="connsiteX150" fmla="*/ 705249 w 1703196"/>
              <a:gd name="connsiteY150" fmla="*/ 44450 h 1397000"/>
              <a:gd name="connsiteX151" fmla="*/ 743349 w 1703196"/>
              <a:gd name="connsiteY151" fmla="*/ 63500 h 1397000"/>
              <a:gd name="connsiteX152" fmla="*/ 863999 w 1703196"/>
              <a:gd name="connsiteY152" fmla="*/ 38100 h 1397000"/>
              <a:gd name="connsiteX153" fmla="*/ 914799 w 1703196"/>
              <a:gd name="connsiteY153" fmla="*/ 31750 h 1397000"/>
              <a:gd name="connsiteX154" fmla="*/ 933849 w 1703196"/>
              <a:gd name="connsiteY154" fmla="*/ 19050 h 1397000"/>
              <a:gd name="connsiteX155" fmla="*/ 959249 w 1703196"/>
              <a:gd name="connsiteY155" fmla="*/ 6350 h 1397000"/>
              <a:gd name="connsiteX156" fmla="*/ 940199 w 1703196"/>
              <a:gd name="connsiteY156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30749 w 1703196"/>
              <a:gd name="connsiteY9" fmla="*/ 40481 h 1397000"/>
              <a:gd name="connsiteX10" fmla="*/ 1549799 w 1703196"/>
              <a:gd name="connsiteY10" fmla="*/ 114300 h 1397000"/>
              <a:gd name="connsiteX11" fmla="*/ 1645049 w 1703196"/>
              <a:gd name="connsiteY11" fmla="*/ 152400 h 1397000"/>
              <a:gd name="connsiteX12" fmla="*/ 1651399 w 1703196"/>
              <a:gd name="connsiteY12" fmla="*/ 184150 h 1397000"/>
              <a:gd name="connsiteX13" fmla="*/ 1664099 w 1703196"/>
              <a:gd name="connsiteY13" fmla="*/ 228600 h 1397000"/>
              <a:gd name="connsiteX14" fmla="*/ 1670449 w 1703196"/>
              <a:gd name="connsiteY14" fmla="*/ 273050 h 1397000"/>
              <a:gd name="connsiteX15" fmla="*/ 1676799 w 1703196"/>
              <a:gd name="connsiteY15" fmla="*/ 292100 h 1397000"/>
              <a:gd name="connsiteX16" fmla="*/ 1695849 w 1703196"/>
              <a:gd name="connsiteY16" fmla="*/ 298450 h 1397000"/>
              <a:gd name="connsiteX17" fmla="*/ 1689499 w 1703196"/>
              <a:gd name="connsiteY17" fmla="*/ 342900 h 1397000"/>
              <a:gd name="connsiteX18" fmla="*/ 1651399 w 1703196"/>
              <a:gd name="connsiteY18" fmla="*/ 330200 h 1397000"/>
              <a:gd name="connsiteX19" fmla="*/ 1625999 w 1703196"/>
              <a:gd name="connsiteY19" fmla="*/ 330200 h 1397000"/>
              <a:gd name="connsiteX20" fmla="*/ 1606949 w 1703196"/>
              <a:gd name="connsiteY20" fmla="*/ 336550 h 1397000"/>
              <a:gd name="connsiteX21" fmla="*/ 1594249 w 1703196"/>
              <a:gd name="connsiteY21" fmla="*/ 355600 h 1397000"/>
              <a:gd name="connsiteX22" fmla="*/ 1575199 w 1703196"/>
              <a:gd name="connsiteY22" fmla="*/ 342900 h 1397000"/>
              <a:gd name="connsiteX23" fmla="*/ 1585518 w 1703196"/>
              <a:gd name="connsiteY23" fmla="*/ 427831 h 1397000"/>
              <a:gd name="connsiteX24" fmla="*/ 1553768 w 1703196"/>
              <a:gd name="connsiteY24" fmla="*/ 420688 h 1397000"/>
              <a:gd name="connsiteX25" fmla="*/ 1511699 w 1703196"/>
              <a:gd name="connsiteY25" fmla="*/ 476250 h 1397000"/>
              <a:gd name="connsiteX26" fmla="*/ 1463280 w 1703196"/>
              <a:gd name="connsiteY26" fmla="*/ 453231 h 1397000"/>
              <a:gd name="connsiteX27" fmla="*/ 1429149 w 1703196"/>
              <a:gd name="connsiteY27" fmla="*/ 488950 h 1397000"/>
              <a:gd name="connsiteX28" fmla="*/ 1410099 w 1703196"/>
              <a:gd name="connsiteY28" fmla="*/ 501650 h 1397000"/>
              <a:gd name="connsiteX29" fmla="*/ 1397399 w 1703196"/>
              <a:gd name="connsiteY29" fmla="*/ 520700 h 1397000"/>
              <a:gd name="connsiteX30" fmla="*/ 1403749 w 1703196"/>
              <a:gd name="connsiteY30" fmla="*/ 539750 h 1397000"/>
              <a:gd name="connsiteX31" fmla="*/ 1378349 w 1703196"/>
              <a:gd name="connsiteY31" fmla="*/ 546100 h 1397000"/>
              <a:gd name="connsiteX32" fmla="*/ 1359299 w 1703196"/>
              <a:gd name="connsiteY32" fmla="*/ 552450 h 1397000"/>
              <a:gd name="connsiteX33" fmla="*/ 1327549 w 1703196"/>
              <a:gd name="connsiteY33" fmla="*/ 577850 h 1397000"/>
              <a:gd name="connsiteX34" fmla="*/ 1276749 w 1703196"/>
              <a:gd name="connsiteY34" fmla="*/ 590550 h 1397000"/>
              <a:gd name="connsiteX35" fmla="*/ 1264049 w 1703196"/>
              <a:gd name="connsiteY35" fmla="*/ 609600 h 1397000"/>
              <a:gd name="connsiteX36" fmla="*/ 1270399 w 1703196"/>
              <a:gd name="connsiteY36" fmla="*/ 635000 h 1397000"/>
              <a:gd name="connsiteX37" fmla="*/ 1289449 w 1703196"/>
              <a:gd name="connsiteY37" fmla="*/ 679450 h 1397000"/>
              <a:gd name="connsiteX38" fmla="*/ 1308499 w 1703196"/>
              <a:gd name="connsiteY38" fmla="*/ 889000 h 1397000"/>
              <a:gd name="connsiteX39" fmla="*/ 1295799 w 1703196"/>
              <a:gd name="connsiteY39" fmla="*/ 1016000 h 1397000"/>
              <a:gd name="connsiteX40" fmla="*/ 1308499 w 1703196"/>
              <a:gd name="connsiteY40" fmla="*/ 1047750 h 1397000"/>
              <a:gd name="connsiteX41" fmla="*/ 1333899 w 1703196"/>
              <a:gd name="connsiteY41" fmla="*/ 1085850 h 1397000"/>
              <a:gd name="connsiteX42" fmla="*/ 1352949 w 1703196"/>
              <a:gd name="connsiteY42" fmla="*/ 1130300 h 1397000"/>
              <a:gd name="connsiteX43" fmla="*/ 1365649 w 1703196"/>
              <a:gd name="connsiteY43" fmla="*/ 1174750 h 1397000"/>
              <a:gd name="connsiteX44" fmla="*/ 1340249 w 1703196"/>
              <a:gd name="connsiteY44" fmla="*/ 1162050 h 1397000"/>
              <a:gd name="connsiteX45" fmla="*/ 1308499 w 1703196"/>
              <a:gd name="connsiteY45" fmla="*/ 1155700 h 1397000"/>
              <a:gd name="connsiteX46" fmla="*/ 1238649 w 1703196"/>
              <a:gd name="connsiteY46" fmla="*/ 1143000 h 1397000"/>
              <a:gd name="connsiteX47" fmla="*/ 1213249 w 1703196"/>
              <a:gd name="connsiteY47" fmla="*/ 1123950 h 1397000"/>
              <a:gd name="connsiteX48" fmla="*/ 1219599 w 1703196"/>
              <a:gd name="connsiteY48" fmla="*/ 1143000 h 1397000"/>
              <a:gd name="connsiteX49" fmla="*/ 1194199 w 1703196"/>
              <a:gd name="connsiteY49" fmla="*/ 1200150 h 1397000"/>
              <a:gd name="connsiteX50" fmla="*/ 1200549 w 1703196"/>
              <a:gd name="connsiteY50" fmla="*/ 1244600 h 1397000"/>
              <a:gd name="connsiteX51" fmla="*/ 1194199 w 1703196"/>
              <a:gd name="connsiteY51" fmla="*/ 1270000 h 1397000"/>
              <a:gd name="connsiteX52" fmla="*/ 1175149 w 1703196"/>
              <a:gd name="connsiteY52" fmla="*/ 1346200 h 1397000"/>
              <a:gd name="connsiteX53" fmla="*/ 1187849 w 1703196"/>
              <a:gd name="connsiteY53" fmla="*/ 1365250 h 1397000"/>
              <a:gd name="connsiteX54" fmla="*/ 1168799 w 1703196"/>
              <a:gd name="connsiteY54" fmla="*/ 1371600 h 1397000"/>
              <a:gd name="connsiteX55" fmla="*/ 1086249 w 1703196"/>
              <a:gd name="connsiteY55" fmla="*/ 1397000 h 1397000"/>
              <a:gd name="connsiteX56" fmla="*/ 1041799 w 1703196"/>
              <a:gd name="connsiteY56" fmla="*/ 1384300 h 1397000"/>
              <a:gd name="connsiteX57" fmla="*/ 1022749 w 1703196"/>
              <a:gd name="connsiteY57" fmla="*/ 1377950 h 1397000"/>
              <a:gd name="connsiteX58" fmla="*/ 997349 w 1703196"/>
              <a:gd name="connsiteY58" fmla="*/ 1365250 h 1397000"/>
              <a:gd name="connsiteX59" fmla="*/ 990999 w 1703196"/>
              <a:gd name="connsiteY59" fmla="*/ 1346200 h 1397000"/>
              <a:gd name="connsiteX60" fmla="*/ 959249 w 1703196"/>
              <a:gd name="connsiteY60" fmla="*/ 1339850 h 1397000"/>
              <a:gd name="connsiteX61" fmla="*/ 940199 w 1703196"/>
              <a:gd name="connsiteY61" fmla="*/ 1327150 h 1397000"/>
              <a:gd name="connsiteX62" fmla="*/ 927499 w 1703196"/>
              <a:gd name="connsiteY62" fmla="*/ 1308100 h 1397000"/>
              <a:gd name="connsiteX63" fmla="*/ 908449 w 1703196"/>
              <a:gd name="connsiteY63" fmla="*/ 1301750 h 1397000"/>
              <a:gd name="connsiteX64" fmla="*/ 883049 w 1703196"/>
              <a:gd name="connsiteY64" fmla="*/ 1289050 h 1397000"/>
              <a:gd name="connsiteX65" fmla="*/ 876699 w 1703196"/>
              <a:gd name="connsiteY65" fmla="*/ 1270000 h 1397000"/>
              <a:gd name="connsiteX66" fmla="*/ 838599 w 1703196"/>
              <a:gd name="connsiteY66" fmla="*/ 1250950 h 1397000"/>
              <a:gd name="connsiteX67" fmla="*/ 819549 w 1703196"/>
              <a:gd name="connsiteY67" fmla="*/ 1238250 h 1397000"/>
              <a:gd name="connsiteX68" fmla="*/ 794149 w 1703196"/>
              <a:gd name="connsiteY68" fmla="*/ 1320800 h 1397000"/>
              <a:gd name="connsiteX69" fmla="*/ 768749 w 1703196"/>
              <a:gd name="connsiteY69" fmla="*/ 1327150 h 1397000"/>
              <a:gd name="connsiteX70" fmla="*/ 743349 w 1703196"/>
              <a:gd name="connsiteY70" fmla="*/ 1339850 h 1397000"/>
              <a:gd name="connsiteX71" fmla="*/ 705249 w 1703196"/>
              <a:gd name="connsiteY71" fmla="*/ 1352550 h 1397000"/>
              <a:gd name="connsiteX72" fmla="*/ 679849 w 1703196"/>
              <a:gd name="connsiteY72" fmla="*/ 1346200 h 1397000"/>
              <a:gd name="connsiteX73" fmla="*/ 660799 w 1703196"/>
              <a:gd name="connsiteY73" fmla="*/ 1333500 h 1397000"/>
              <a:gd name="connsiteX74" fmla="*/ 641749 w 1703196"/>
              <a:gd name="connsiteY74" fmla="*/ 1327150 h 1397000"/>
              <a:gd name="connsiteX75" fmla="*/ 635399 w 1703196"/>
              <a:gd name="connsiteY75" fmla="*/ 1308100 h 1397000"/>
              <a:gd name="connsiteX76" fmla="*/ 622699 w 1703196"/>
              <a:gd name="connsiteY76" fmla="*/ 1289050 h 1397000"/>
              <a:gd name="connsiteX77" fmla="*/ 635399 w 1703196"/>
              <a:gd name="connsiteY77" fmla="*/ 1219200 h 1397000"/>
              <a:gd name="connsiteX78" fmla="*/ 641749 w 1703196"/>
              <a:gd name="connsiteY78" fmla="*/ 1162050 h 1397000"/>
              <a:gd name="connsiteX79" fmla="*/ 629049 w 1703196"/>
              <a:gd name="connsiteY79" fmla="*/ 1085850 h 1397000"/>
              <a:gd name="connsiteX80" fmla="*/ 635399 w 1703196"/>
              <a:gd name="connsiteY80" fmla="*/ 1066800 h 1397000"/>
              <a:gd name="connsiteX81" fmla="*/ 641749 w 1703196"/>
              <a:gd name="connsiteY81" fmla="*/ 1041400 h 1397000"/>
              <a:gd name="connsiteX82" fmla="*/ 654449 w 1703196"/>
              <a:gd name="connsiteY82" fmla="*/ 1022350 h 1397000"/>
              <a:gd name="connsiteX83" fmla="*/ 667149 w 1703196"/>
              <a:gd name="connsiteY83" fmla="*/ 996950 h 1397000"/>
              <a:gd name="connsiteX84" fmla="*/ 679849 w 1703196"/>
              <a:gd name="connsiteY84" fmla="*/ 933450 h 1397000"/>
              <a:gd name="connsiteX85" fmla="*/ 686199 w 1703196"/>
              <a:gd name="connsiteY85" fmla="*/ 914400 h 1397000"/>
              <a:gd name="connsiteX86" fmla="*/ 705249 w 1703196"/>
              <a:gd name="connsiteY86" fmla="*/ 901700 h 1397000"/>
              <a:gd name="connsiteX87" fmla="*/ 705249 w 1703196"/>
              <a:gd name="connsiteY87" fmla="*/ 812800 h 1397000"/>
              <a:gd name="connsiteX88" fmla="*/ 684611 w 1703196"/>
              <a:gd name="connsiteY88" fmla="*/ 774700 h 1397000"/>
              <a:gd name="connsiteX89" fmla="*/ 654449 w 1703196"/>
              <a:gd name="connsiteY89" fmla="*/ 781050 h 1397000"/>
              <a:gd name="connsiteX90" fmla="*/ 635399 w 1703196"/>
              <a:gd name="connsiteY90" fmla="*/ 774700 h 1397000"/>
              <a:gd name="connsiteX91" fmla="*/ 609999 w 1703196"/>
              <a:gd name="connsiteY91" fmla="*/ 749300 h 1397000"/>
              <a:gd name="connsiteX92" fmla="*/ 568724 w 1703196"/>
              <a:gd name="connsiteY92" fmla="*/ 697706 h 1397000"/>
              <a:gd name="connsiteX93" fmla="*/ 521099 w 1703196"/>
              <a:gd name="connsiteY93" fmla="*/ 717550 h 1397000"/>
              <a:gd name="connsiteX94" fmla="*/ 473474 w 1703196"/>
              <a:gd name="connsiteY94" fmla="*/ 669131 h 1397000"/>
              <a:gd name="connsiteX95" fmla="*/ 438549 w 1703196"/>
              <a:gd name="connsiteY95" fmla="*/ 698500 h 1397000"/>
              <a:gd name="connsiteX96" fmla="*/ 406799 w 1703196"/>
              <a:gd name="connsiteY96" fmla="*/ 704850 h 1397000"/>
              <a:gd name="connsiteX97" fmla="*/ 368699 w 1703196"/>
              <a:gd name="connsiteY97" fmla="*/ 749300 h 1397000"/>
              <a:gd name="connsiteX98" fmla="*/ 325836 w 1703196"/>
              <a:gd name="connsiteY98" fmla="*/ 759618 h 1397000"/>
              <a:gd name="connsiteX99" fmla="*/ 324249 w 1703196"/>
              <a:gd name="connsiteY99" fmla="*/ 793750 h 1397000"/>
              <a:gd name="connsiteX100" fmla="*/ 279799 w 1703196"/>
              <a:gd name="connsiteY100" fmla="*/ 831850 h 1397000"/>
              <a:gd name="connsiteX101" fmla="*/ 241699 w 1703196"/>
              <a:gd name="connsiteY101" fmla="*/ 844550 h 1397000"/>
              <a:gd name="connsiteX102" fmla="*/ 209156 w 1703196"/>
              <a:gd name="connsiteY102" fmla="*/ 874713 h 1397000"/>
              <a:gd name="connsiteX103" fmla="*/ 209949 w 1703196"/>
              <a:gd name="connsiteY103" fmla="*/ 908050 h 1397000"/>
              <a:gd name="connsiteX104" fmla="*/ 165499 w 1703196"/>
              <a:gd name="connsiteY104" fmla="*/ 927100 h 1397000"/>
              <a:gd name="connsiteX105" fmla="*/ 146449 w 1703196"/>
              <a:gd name="connsiteY105" fmla="*/ 939800 h 1397000"/>
              <a:gd name="connsiteX106" fmla="*/ 127399 w 1703196"/>
              <a:gd name="connsiteY106" fmla="*/ 977900 h 1397000"/>
              <a:gd name="connsiteX107" fmla="*/ 95649 w 1703196"/>
              <a:gd name="connsiteY107" fmla="*/ 990600 h 1397000"/>
              <a:gd name="connsiteX108" fmla="*/ 51199 w 1703196"/>
              <a:gd name="connsiteY108" fmla="*/ 1009650 h 1397000"/>
              <a:gd name="connsiteX109" fmla="*/ 44849 w 1703196"/>
              <a:gd name="connsiteY109" fmla="*/ 990600 h 1397000"/>
              <a:gd name="connsiteX110" fmla="*/ 25799 w 1703196"/>
              <a:gd name="connsiteY110" fmla="*/ 984250 h 1397000"/>
              <a:gd name="connsiteX111" fmla="*/ 6749 w 1703196"/>
              <a:gd name="connsiteY111" fmla="*/ 965200 h 1397000"/>
              <a:gd name="connsiteX112" fmla="*/ 13099 w 1703196"/>
              <a:gd name="connsiteY112" fmla="*/ 927100 h 1397000"/>
              <a:gd name="connsiteX113" fmla="*/ 38499 w 1703196"/>
              <a:gd name="connsiteY113" fmla="*/ 869950 h 1397000"/>
              <a:gd name="connsiteX114" fmla="*/ 57549 w 1703196"/>
              <a:gd name="connsiteY114" fmla="*/ 806450 h 1397000"/>
              <a:gd name="connsiteX115" fmla="*/ 70249 w 1703196"/>
              <a:gd name="connsiteY115" fmla="*/ 768350 h 1397000"/>
              <a:gd name="connsiteX116" fmla="*/ 76599 w 1703196"/>
              <a:gd name="connsiteY116" fmla="*/ 749300 h 1397000"/>
              <a:gd name="connsiteX117" fmla="*/ 82949 w 1703196"/>
              <a:gd name="connsiteY117" fmla="*/ 723900 h 1397000"/>
              <a:gd name="connsiteX118" fmla="*/ 101999 w 1703196"/>
              <a:gd name="connsiteY118" fmla="*/ 717550 h 1397000"/>
              <a:gd name="connsiteX119" fmla="*/ 108349 w 1703196"/>
              <a:gd name="connsiteY119" fmla="*/ 736600 h 1397000"/>
              <a:gd name="connsiteX120" fmla="*/ 152799 w 1703196"/>
              <a:gd name="connsiteY120" fmla="*/ 723900 h 1397000"/>
              <a:gd name="connsiteX121" fmla="*/ 180580 w 1703196"/>
              <a:gd name="connsiteY121" fmla="*/ 699294 h 1397000"/>
              <a:gd name="connsiteX122" fmla="*/ 241699 w 1703196"/>
              <a:gd name="connsiteY122" fmla="*/ 660400 h 1397000"/>
              <a:gd name="connsiteX123" fmla="*/ 248049 w 1703196"/>
              <a:gd name="connsiteY123" fmla="*/ 615950 h 1397000"/>
              <a:gd name="connsiteX124" fmla="*/ 260749 w 1703196"/>
              <a:gd name="connsiteY124" fmla="*/ 590550 h 1397000"/>
              <a:gd name="connsiteX125" fmla="*/ 254399 w 1703196"/>
              <a:gd name="connsiteY125" fmla="*/ 571500 h 1397000"/>
              <a:gd name="connsiteX126" fmla="*/ 238524 w 1703196"/>
              <a:gd name="connsiteY126" fmla="*/ 532606 h 1397000"/>
              <a:gd name="connsiteX127" fmla="*/ 241699 w 1703196"/>
              <a:gd name="connsiteY127" fmla="*/ 495300 h 1397000"/>
              <a:gd name="connsiteX128" fmla="*/ 217886 w 1703196"/>
              <a:gd name="connsiteY128" fmla="*/ 465931 h 1397000"/>
              <a:gd name="connsiteX129" fmla="*/ 260749 w 1703196"/>
              <a:gd name="connsiteY129" fmla="*/ 425450 h 1397000"/>
              <a:gd name="connsiteX130" fmla="*/ 267099 w 1703196"/>
              <a:gd name="connsiteY130" fmla="*/ 406400 h 1397000"/>
              <a:gd name="connsiteX131" fmla="*/ 286149 w 1703196"/>
              <a:gd name="connsiteY131" fmla="*/ 400050 h 1397000"/>
              <a:gd name="connsiteX132" fmla="*/ 298849 w 1703196"/>
              <a:gd name="connsiteY132" fmla="*/ 361950 h 1397000"/>
              <a:gd name="connsiteX133" fmla="*/ 303611 w 1703196"/>
              <a:gd name="connsiteY133" fmla="*/ 342107 h 1397000"/>
              <a:gd name="connsiteX134" fmla="*/ 355999 w 1703196"/>
              <a:gd name="connsiteY134" fmla="*/ 349250 h 1397000"/>
              <a:gd name="connsiteX135" fmla="*/ 394099 w 1703196"/>
              <a:gd name="connsiteY135" fmla="*/ 342900 h 1397000"/>
              <a:gd name="connsiteX136" fmla="*/ 397274 w 1703196"/>
              <a:gd name="connsiteY136" fmla="*/ 294481 h 1397000"/>
              <a:gd name="connsiteX137" fmla="*/ 413149 w 1703196"/>
              <a:gd name="connsiteY137" fmla="*/ 273050 h 1397000"/>
              <a:gd name="connsiteX138" fmla="*/ 419499 w 1703196"/>
              <a:gd name="connsiteY138" fmla="*/ 260350 h 1397000"/>
              <a:gd name="connsiteX139" fmla="*/ 425849 w 1703196"/>
              <a:gd name="connsiteY139" fmla="*/ 234950 h 1397000"/>
              <a:gd name="connsiteX140" fmla="*/ 430611 w 1703196"/>
              <a:gd name="connsiteY140" fmla="*/ 214312 h 1397000"/>
              <a:gd name="connsiteX141" fmla="*/ 452043 w 1703196"/>
              <a:gd name="connsiteY141" fmla="*/ 200819 h 1397000"/>
              <a:gd name="connsiteX142" fmla="*/ 487761 w 1703196"/>
              <a:gd name="connsiteY142" fmla="*/ 190500 h 1397000"/>
              <a:gd name="connsiteX143" fmla="*/ 501255 w 1703196"/>
              <a:gd name="connsiteY143" fmla="*/ 164306 h 1397000"/>
              <a:gd name="connsiteX144" fmla="*/ 546499 w 1703196"/>
              <a:gd name="connsiteY144" fmla="*/ 177800 h 1397000"/>
              <a:gd name="connsiteX145" fmla="*/ 597299 w 1703196"/>
              <a:gd name="connsiteY145" fmla="*/ 165100 h 1397000"/>
              <a:gd name="connsiteX146" fmla="*/ 609999 w 1703196"/>
              <a:gd name="connsiteY146" fmla="*/ 139700 h 1397000"/>
              <a:gd name="connsiteX147" fmla="*/ 635399 w 1703196"/>
              <a:gd name="connsiteY147" fmla="*/ 57150 h 1397000"/>
              <a:gd name="connsiteX148" fmla="*/ 692549 w 1703196"/>
              <a:gd name="connsiteY148" fmla="*/ 63500 h 1397000"/>
              <a:gd name="connsiteX149" fmla="*/ 705249 w 1703196"/>
              <a:gd name="connsiteY149" fmla="*/ 44450 h 1397000"/>
              <a:gd name="connsiteX150" fmla="*/ 743349 w 1703196"/>
              <a:gd name="connsiteY150" fmla="*/ 63500 h 1397000"/>
              <a:gd name="connsiteX151" fmla="*/ 863999 w 1703196"/>
              <a:gd name="connsiteY151" fmla="*/ 38100 h 1397000"/>
              <a:gd name="connsiteX152" fmla="*/ 914799 w 1703196"/>
              <a:gd name="connsiteY152" fmla="*/ 31750 h 1397000"/>
              <a:gd name="connsiteX153" fmla="*/ 933849 w 1703196"/>
              <a:gd name="connsiteY153" fmla="*/ 19050 h 1397000"/>
              <a:gd name="connsiteX154" fmla="*/ 959249 w 1703196"/>
              <a:gd name="connsiteY154" fmla="*/ 6350 h 1397000"/>
              <a:gd name="connsiteX155" fmla="*/ 940199 w 1703196"/>
              <a:gd name="connsiteY155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43399 w 1703196"/>
              <a:gd name="connsiteY3" fmla="*/ 31750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30749 w 1703196"/>
              <a:gd name="connsiteY9" fmla="*/ 40481 h 1397000"/>
              <a:gd name="connsiteX10" fmla="*/ 1575993 w 1703196"/>
              <a:gd name="connsiteY10" fmla="*/ 111919 h 1397000"/>
              <a:gd name="connsiteX11" fmla="*/ 1645049 w 1703196"/>
              <a:gd name="connsiteY11" fmla="*/ 152400 h 1397000"/>
              <a:gd name="connsiteX12" fmla="*/ 1651399 w 1703196"/>
              <a:gd name="connsiteY12" fmla="*/ 184150 h 1397000"/>
              <a:gd name="connsiteX13" fmla="*/ 1664099 w 1703196"/>
              <a:gd name="connsiteY13" fmla="*/ 228600 h 1397000"/>
              <a:gd name="connsiteX14" fmla="*/ 1670449 w 1703196"/>
              <a:gd name="connsiteY14" fmla="*/ 273050 h 1397000"/>
              <a:gd name="connsiteX15" fmla="*/ 1676799 w 1703196"/>
              <a:gd name="connsiteY15" fmla="*/ 292100 h 1397000"/>
              <a:gd name="connsiteX16" fmla="*/ 1695849 w 1703196"/>
              <a:gd name="connsiteY16" fmla="*/ 298450 h 1397000"/>
              <a:gd name="connsiteX17" fmla="*/ 1689499 w 1703196"/>
              <a:gd name="connsiteY17" fmla="*/ 342900 h 1397000"/>
              <a:gd name="connsiteX18" fmla="*/ 1651399 w 1703196"/>
              <a:gd name="connsiteY18" fmla="*/ 330200 h 1397000"/>
              <a:gd name="connsiteX19" fmla="*/ 1625999 w 1703196"/>
              <a:gd name="connsiteY19" fmla="*/ 330200 h 1397000"/>
              <a:gd name="connsiteX20" fmla="*/ 1606949 w 1703196"/>
              <a:gd name="connsiteY20" fmla="*/ 336550 h 1397000"/>
              <a:gd name="connsiteX21" fmla="*/ 1594249 w 1703196"/>
              <a:gd name="connsiteY21" fmla="*/ 355600 h 1397000"/>
              <a:gd name="connsiteX22" fmla="*/ 1575199 w 1703196"/>
              <a:gd name="connsiteY22" fmla="*/ 342900 h 1397000"/>
              <a:gd name="connsiteX23" fmla="*/ 1585518 w 1703196"/>
              <a:gd name="connsiteY23" fmla="*/ 427831 h 1397000"/>
              <a:gd name="connsiteX24" fmla="*/ 1553768 w 1703196"/>
              <a:gd name="connsiteY24" fmla="*/ 420688 h 1397000"/>
              <a:gd name="connsiteX25" fmla="*/ 1511699 w 1703196"/>
              <a:gd name="connsiteY25" fmla="*/ 476250 h 1397000"/>
              <a:gd name="connsiteX26" fmla="*/ 1463280 w 1703196"/>
              <a:gd name="connsiteY26" fmla="*/ 453231 h 1397000"/>
              <a:gd name="connsiteX27" fmla="*/ 1429149 w 1703196"/>
              <a:gd name="connsiteY27" fmla="*/ 488950 h 1397000"/>
              <a:gd name="connsiteX28" fmla="*/ 1410099 w 1703196"/>
              <a:gd name="connsiteY28" fmla="*/ 501650 h 1397000"/>
              <a:gd name="connsiteX29" fmla="*/ 1397399 w 1703196"/>
              <a:gd name="connsiteY29" fmla="*/ 520700 h 1397000"/>
              <a:gd name="connsiteX30" fmla="*/ 1403749 w 1703196"/>
              <a:gd name="connsiteY30" fmla="*/ 539750 h 1397000"/>
              <a:gd name="connsiteX31" fmla="*/ 1378349 w 1703196"/>
              <a:gd name="connsiteY31" fmla="*/ 546100 h 1397000"/>
              <a:gd name="connsiteX32" fmla="*/ 1359299 w 1703196"/>
              <a:gd name="connsiteY32" fmla="*/ 552450 h 1397000"/>
              <a:gd name="connsiteX33" fmla="*/ 1327549 w 1703196"/>
              <a:gd name="connsiteY33" fmla="*/ 577850 h 1397000"/>
              <a:gd name="connsiteX34" fmla="*/ 1276749 w 1703196"/>
              <a:gd name="connsiteY34" fmla="*/ 590550 h 1397000"/>
              <a:gd name="connsiteX35" fmla="*/ 1264049 w 1703196"/>
              <a:gd name="connsiteY35" fmla="*/ 609600 h 1397000"/>
              <a:gd name="connsiteX36" fmla="*/ 1270399 w 1703196"/>
              <a:gd name="connsiteY36" fmla="*/ 635000 h 1397000"/>
              <a:gd name="connsiteX37" fmla="*/ 1289449 w 1703196"/>
              <a:gd name="connsiteY37" fmla="*/ 679450 h 1397000"/>
              <a:gd name="connsiteX38" fmla="*/ 1308499 w 1703196"/>
              <a:gd name="connsiteY38" fmla="*/ 889000 h 1397000"/>
              <a:gd name="connsiteX39" fmla="*/ 1295799 w 1703196"/>
              <a:gd name="connsiteY39" fmla="*/ 1016000 h 1397000"/>
              <a:gd name="connsiteX40" fmla="*/ 1308499 w 1703196"/>
              <a:gd name="connsiteY40" fmla="*/ 1047750 h 1397000"/>
              <a:gd name="connsiteX41" fmla="*/ 1333899 w 1703196"/>
              <a:gd name="connsiteY41" fmla="*/ 1085850 h 1397000"/>
              <a:gd name="connsiteX42" fmla="*/ 1352949 w 1703196"/>
              <a:gd name="connsiteY42" fmla="*/ 1130300 h 1397000"/>
              <a:gd name="connsiteX43" fmla="*/ 1365649 w 1703196"/>
              <a:gd name="connsiteY43" fmla="*/ 1174750 h 1397000"/>
              <a:gd name="connsiteX44" fmla="*/ 1340249 w 1703196"/>
              <a:gd name="connsiteY44" fmla="*/ 1162050 h 1397000"/>
              <a:gd name="connsiteX45" fmla="*/ 1308499 w 1703196"/>
              <a:gd name="connsiteY45" fmla="*/ 1155700 h 1397000"/>
              <a:gd name="connsiteX46" fmla="*/ 1238649 w 1703196"/>
              <a:gd name="connsiteY46" fmla="*/ 1143000 h 1397000"/>
              <a:gd name="connsiteX47" fmla="*/ 1213249 w 1703196"/>
              <a:gd name="connsiteY47" fmla="*/ 1123950 h 1397000"/>
              <a:gd name="connsiteX48" fmla="*/ 1219599 w 1703196"/>
              <a:gd name="connsiteY48" fmla="*/ 1143000 h 1397000"/>
              <a:gd name="connsiteX49" fmla="*/ 1194199 w 1703196"/>
              <a:gd name="connsiteY49" fmla="*/ 1200150 h 1397000"/>
              <a:gd name="connsiteX50" fmla="*/ 1200549 w 1703196"/>
              <a:gd name="connsiteY50" fmla="*/ 1244600 h 1397000"/>
              <a:gd name="connsiteX51" fmla="*/ 1194199 w 1703196"/>
              <a:gd name="connsiteY51" fmla="*/ 1270000 h 1397000"/>
              <a:gd name="connsiteX52" fmla="*/ 1175149 w 1703196"/>
              <a:gd name="connsiteY52" fmla="*/ 1346200 h 1397000"/>
              <a:gd name="connsiteX53" fmla="*/ 1187849 w 1703196"/>
              <a:gd name="connsiteY53" fmla="*/ 1365250 h 1397000"/>
              <a:gd name="connsiteX54" fmla="*/ 1168799 w 1703196"/>
              <a:gd name="connsiteY54" fmla="*/ 1371600 h 1397000"/>
              <a:gd name="connsiteX55" fmla="*/ 1086249 w 1703196"/>
              <a:gd name="connsiteY55" fmla="*/ 1397000 h 1397000"/>
              <a:gd name="connsiteX56" fmla="*/ 1041799 w 1703196"/>
              <a:gd name="connsiteY56" fmla="*/ 1384300 h 1397000"/>
              <a:gd name="connsiteX57" fmla="*/ 1022749 w 1703196"/>
              <a:gd name="connsiteY57" fmla="*/ 1377950 h 1397000"/>
              <a:gd name="connsiteX58" fmla="*/ 997349 w 1703196"/>
              <a:gd name="connsiteY58" fmla="*/ 1365250 h 1397000"/>
              <a:gd name="connsiteX59" fmla="*/ 990999 w 1703196"/>
              <a:gd name="connsiteY59" fmla="*/ 1346200 h 1397000"/>
              <a:gd name="connsiteX60" fmla="*/ 959249 w 1703196"/>
              <a:gd name="connsiteY60" fmla="*/ 1339850 h 1397000"/>
              <a:gd name="connsiteX61" fmla="*/ 940199 w 1703196"/>
              <a:gd name="connsiteY61" fmla="*/ 1327150 h 1397000"/>
              <a:gd name="connsiteX62" fmla="*/ 927499 w 1703196"/>
              <a:gd name="connsiteY62" fmla="*/ 1308100 h 1397000"/>
              <a:gd name="connsiteX63" fmla="*/ 908449 w 1703196"/>
              <a:gd name="connsiteY63" fmla="*/ 1301750 h 1397000"/>
              <a:gd name="connsiteX64" fmla="*/ 883049 w 1703196"/>
              <a:gd name="connsiteY64" fmla="*/ 1289050 h 1397000"/>
              <a:gd name="connsiteX65" fmla="*/ 876699 w 1703196"/>
              <a:gd name="connsiteY65" fmla="*/ 1270000 h 1397000"/>
              <a:gd name="connsiteX66" fmla="*/ 838599 w 1703196"/>
              <a:gd name="connsiteY66" fmla="*/ 1250950 h 1397000"/>
              <a:gd name="connsiteX67" fmla="*/ 819549 w 1703196"/>
              <a:gd name="connsiteY67" fmla="*/ 1238250 h 1397000"/>
              <a:gd name="connsiteX68" fmla="*/ 794149 w 1703196"/>
              <a:gd name="connsiteY68" fmla="*/ 1320800 h 1397000"/>
              <a:gd name="connsiteX69" fmla="*/ 768749 w 1703196"/>
              <a:gd name="connsiteY69" fmla="*/ 1327150 h 1397000"/>
              <a:gd name="connsiteX70" fmla="*/ 743349 w 1703196"/>
              <a:gd name="connsiteY70" fmla="*/ 1339850 h 1397000"/>
              <a:gd name="connsiteX71" fmla="*/ 705249 w 1703196"/>
              <a:gd name="connsiteY71" fmla="*/ 1352550 h 1397000"/>
              <a:gd name="connsiteX72" fmla="*/ 679849 w 1703196"/>
              <a:gd name="connsiteY72" fmla="*/ 1346200 h 1397000"/>
              <a:gd name="connsiteX73" fmla="*/ 660799 w 1703196"/>
              <a:gd name="connsiteY73" fmla="*/ 1333500 h 1397000"/>
              <a:gd name="connsiteX74" fmla="*/ 641749 w 1703196"/>
              <a:gd name="connsiteY74" fmla="*/ 1327150 h 1397000"/>
              <a:gd name="connsiteX75" fmla="*/ 635399 w 1703196"/>
              <a:gd name="connsiteY75" fmla="*/ 1308100 h 1397000"/>
              <a:gd name="connsiteX76" fmla="*/ 622699 w 1703196"/>
              <a:gd name="connsiteY76" fmla="*/ 1289050 h 1397000"/>
              <a:gd name="connsiteX77" fmla="*/ 635399 w 1703196"/>
              <a:gd name="connsiteY77" fmla="*/ 1219200 h 1397000"/>
              <a:gd name="connsiteX78" fmla="*/ 641749 w 1703196"/>
              <a:gd name="connsiteY78" fmla="*/ 1162050 h 1397000"/>
              <a:gd name="connsiteX79" fmla="*/ 629049 w 1703196"/>
              <a:gd name="connsiteY79" fmla="*/ 1085850 h 1397000"/>
              <a:gd name="connsiteX80" fmla="*/ 635399 w 1703196"/>
              <a:gd name="connsiteY80" fmla="*/ 1066800 h 1397000"/>
              <a:gd name="connsiteX81" fmla="*/ 641749 w 1703196"/>
              <a:gd name="connsiteY81" fmla="*/ 1041400 h 1397000"/>
              <a:gd name="connsiteX82" fmla="*/ 654449 w 1703196"/>
              <a:gd name="connsiteY82" fmla="*/ 1022350 h 1397000"/>
              <a:gd name="connsiteX83" fmla="*/ 667149 w 1703196"/>
              <a:gd name="connsiteY83" fmla="*/ 996950 h 1397000"/>
              <a:gd name="connsiteX84" fmla="*/ 679849 w 1703196"/>
              <a:gd name="connsiteY84" fmla="*/ 933450 h 1397000"/>
              <a:gd name="connsiteX85" fmla="*/ 686199 w 1703196"/>
              <a:gd name="connsiteY85" fmla="*/ 914400 h 1397000"/>
              <a:gd name="connsiteX86" fmla="*/ 705249 w 1703196"/>
              <a:gd name="connsiteY86" fmla="*/ 901700 h 1397000"/>
              <a:gd name="connsiteX87" fmla="*/ 705249 w 1703196"/>
              <a:gd name="connsiteY87" fmla="*/ 812800 h 1397000"/>
              <a:gd name="connsiteX88" fmla="*/ 684611 w 1703196"/>
              <a:gd name="connsiteY88" fmla="*/ 774700 h 1397000"/>
              <a:gd name="connsiteX89" fmla="*/ 654449 w 1703196"/>
              <a:gd name="connsiteY89" fmla="*/ 781050 h 1397000"/>
              <a:gd name="connsiteX90" fmla="*/ 635399 w 1703196"/>
              <a:gd name="connsiteY90" fmla="*/ 774700 h 1397000"/>
              <a:gd name="connsiteX91" fmla="*/ 609999 w 1703196"/>
              <a:gd name="connsiteY91" fmla="*/ 749300 h 1397000"/>
              <a:gd name="connsiteX92" fmla="*/ 568724 w 1703196"/>
              <a:gd name="connsiteY92" fmla="*/ 697706 h 1397000"/>
              <a:gd name="connsiteX93" fmla="*/ 521099 w 1703196"/>
              <a:gd name="connsiteY93" fmla="*/ 717550 h 1397000"/>
              <a:gd name="connsiteX94" fmla="*/ 473474 w 1703196"/>
              <a:gd name="connsiteY94" fmla="*/ 669131 h 1397000"/>
              <a:gd name="connsiteX95" fmla="*/ 438549 w 1703196"/>
              <a:gd name="connsiteY95" fmla="*/ 698500 h 1397000"/>
              <a:gd name="connsiteX96" fmla="*/ 406799 w 1703196"/>
              <a:gd name="connsiteY96" fmla="*/ 704850 h 1397000"/>
              <a:gd name="connsiteX97" fmla="*/ 368699 w 1703196"/>
              <a:gd name="connsiteY97" fmla="*/ 749300 h 1397000"/>
              <a:gd name="connsiteX98" fmla="*/ 325836 w 1703196"/>
              <a:gd name="connsiteY98" fmla="*/ 759618 h 1397000"/>
              <a:gd name="connsiteX99" fmla="*/ 324249 w 1703196"/>
              <a:gd name="connsiteY99" fmla="*/ 793750 h 1397000"/>
              <a:gd name="connsiteX100" fmla="*/ 279799 w 1703196"/>
              <a:gd name="connsiteY100" fmla="*/ 831850 h 1397000"/>
              <a:gd name="connsiteX101" fmla="*/ 241699 w 1703196"/>
              <a:gd name="connsiteY101" fmla="*/ 844550 h 1397000"/>
              <a:gd name="connsiteX102" fmla="*/ 209156 w 1703196"/>
              <a:gd name="connsiteY102" fmla="*/ 874713 h 1397000"/>
              <a:gd name="connsiteX103" fmla="*/ 209949 w 1703196"/>
              <a:gd name="connsiteY103" fmla="*/ 908050 h 1397000"/>
              <a:gd name="connsiteX104" fmla="*/ 165499 w 1703196"/>
              <a:gd name="connsiteY104" fmla="*/ 927100 h 1397000"/>
              <a:gd name="connsiteX105" fmla="*/ 146449 w 1703196"/>
              <a:gd name="connsiteY105" fmla="*/ 939800 h 1397000"/>
              <a:gd name="connsiteX106" fmla="*/ 127399 w 1703196"/>
              <a:gd name="connsiteY106" fmla="*/ 977900 h 1397000"/>
              <a:gd name="connsiteX107" fmla="*/ 95649 w 1703196"/>
              <a:gd name="connsiteY107" fmla="*/ 990600 h 1397000"/>
              <a:gd name="connsiteX108" fmla="*/ 51199 w 1703196"/>
              <a:gd name="connsiteY108" fmla="*/ 1009650 h 1397000"/>
              <a:gd name="connsiteX109" fmla="*/ 44849 w 1703196"/>
              <a:gd name="connsiteY109" fmla="*/ 990600 h 1397000"/>
              <a:gd name="connsiteX110" fmla="*/ 25799 w 1703196"/>
              <a:gd name="connsiteY110" fmla="*/ 984250 h 1397000"/>
              <a:gd name="connsiteX111" fmla="*/ 6749 w 1703196"/>
              <a:gd name="connsiteY111" fmla="*/ 965200 h 1397000"/>
              <a:gd name="connsiteX112" fmla="*/ 13099 w 1703196"/>
              <a:gd name="connsiteY112" fmla="*/ 927100 h 1397000"/>
              <a:gd name="connsiteX113" fmla="*/ 38499 w 1703196"/>
              <a:gd name="connsiteY113" fmla="*/ 869950 h 1397000"/>
              <a:gd name="connsiteX114" fmla="*/ 57549 w 1703196"/>
              <a:gd name="connsiteY114" fmla="*/ 806450 h 1397000"/>
              <a:gd name="connsiteX115" fmla="*/ 70249 w 1703196"/>
              <a:gd name="connsiteY115" fmla="*/ 768350 h 1397000"/>
              <a:gd name="connsiteX116" fmla="*/ 76599 w 1703196"/>
              <a:gd name="connsiteY116" fmla="*/ 749300 h 1397000"/>
              <a:gd name="connsiteX117" fmla="*/ 82949 w 1703196"/>
              <a:gd name="connsiteY117" fmla="*/ 723900 h 1397000"/>
              <a:gd name="connsiteX118" fmla="*/ 101999 w 1703196"/>
              <a:gd name="connsiteY118" fmla="*/ 717550 h 1397000"/>
              <a:gd name="connsiteX119" fmla="*/ 108349 w 1703196"/>
              <a:gd name="connsiteY119" fmla="*/ 736600 h 1397000"/>
              <a:gd name="connsiteX120" fmla="*/ 152799 w 1703196"/>
              <a:gd name="connsiteY120" fmla="*/ 723900 h 1397000"/>
              <a:gd name="connsiteX121" fmla="*/ 180580 w 1703196"/>
              <a:gd name="connsiteY121" fmla="*/ 699294 h 1397000"/>
              <a:gd name="connsiteX122" fmla="*/ 241699 w 1703196"/>
              <a:gd name="connsiteY122" fmla="*/ 660400 h 1397000"/>
              <a:gd name="connsiteX123" fmla="*/ 248049 w 1703196"/>
              <a:gd name="connsiteY123" fmla="*/ 615950 h 1397000"/>
              <a:gd name="connsiteX124" fmla="*/ 260749 w 1703196"/>
              <a:gd name="connsiteY124" fmla="*/ 590550 h 1397000"/>
              <a:gd name="connsiteX125" fmla="*/ 254399 w 1703196"/>
              <a:gd name="connsiteY125" fmla="*/ 571500 h 1397000"/>
              <a:gd name="connsiteX126" fmla="*/ 238524 w 1703196"/>
              <a:gd name="connsiteY126" fmla="*/ 532606 h 1397000"/>
              <a:gd name="connsiteX127" fmla="*/ 241699 w 1703196"/>
              <a:gd name="connsiteY127" fmla="*/ 495300 h 1397000"/>
              <a:gd name="connsiteX128" fmla="*/ 217886 w 1703196"/>
              <a:gd name="connsiteY128" fmla="*/ 465931 h 1397000"/>
              <a:gd name="connsiteX129" fmla="*/ 260749 w 1703196"/>
              <a:gd name="connsiteY129" fmla="*/ 425450 h 1397000"/>
              <a:gd name="connsiteX130" fmla="*/ 267099 w 1703196"/>
              <a:gd name="connsiteY130" fmla="*/ 406400 h 1397000"/>
              <a:gd name="connsiteX131" fmla="*/ 286149 w 1703196"/>
              <a:gd name="connsiteY131" fmla="*/ 400050 h 1397000"/>
              <a:gd name="connsiteX132" fmla="*/ 298849 w 1703196"/>
              <a:gd name="connsiteY132" fmla="*/ 361950 h 1397000"/>
              <a:gd name="connsiteX133" fmla="*/ 303611 w 1703196"/>
              <a:gd name="connsiteY133" fmla="*/ 342107 h 1397000"/>
              <a:gd name="connsiteX134" fmla="*/ 355999 w 1703196"/>
              <a:gd name="connsiteY134" fmla="*/ 349250 h 1397000"/>
              <a:gd name="connsiteX135" fmla="*/ 394099 w 1703196"/>
              <a:gd name="connsiteY135" fmla="*/ 342900 h 1397000"/>
              <a:gd name="connsiteX136" fmla="*/ 397274 w 1703196"/>
              <a:gd name="connsiteY136" fmla="*/ 294481 h 1397000"/>
              <a:gd name="connsiteX137" fmla="*/ 413149 w 1703196"/>
              <a:gd name="connsiteY137" fmla="*/ 273050 h 1397000"/>
              <a:gd name="connsiteX138" fmla="*/ 419499 w 1703196"/>
              <a:gd name="connsiteY138" fmla="*/ 260350 h 1397000"/>
              <a:gd name="connsiteX139" fmla="*/ 425849 w 1703196"/>
              <a:gd name="connsiteY139" fmla="*/ 234950 h 1397000"/>
              <a:gd name="connsiteX140" fmla="*/ 430611 w 1703196"/>
              <a:gd name="connsiteY140" fmla="*/ 214312 h 1397000"/>
              <a:gd name="connsiteX141" fmla="*/ 452043 w 1703196"/>
              <a:gd name="connsiteY141" fmla="*/ 200819 h 1397000"/>
              <a:gd name="connsiteX142" fmla="*/ 487761 w 1703196"/>
              <a:gd name="connsiteY142" fmla="*/ 190500 h 1397000"/>
              <a:gd name="connsiteX143" fmla="*/ 501255 w 1703196"/>
              <a:gd name="connsiteY143" fmla="*/ 164306 h 1397000"/>
              <a:gd name="connsiteX144" fmla="*/ 546499 w 1703196"/>
              <a:gd name="connsiteY144" fmla="*/ 177800 h 1397000"/>
              <a:gd name="connsiteX145" fmla="*/ 597299 w 1703196"/>
              <a:gd name="connsiteY145" fmla="*/ 165100 h 1397000"/>
              <a:gd name="connsiteX146" fmla="*/ 609999 w 1703196"/>
              <a:gd name="connsiteY146" fmla="*/ 139700 h 1397000"/>
              <a:gd name="connsiteX147" fmla="*/ 635399 w 1703196"/>
              <a:gd name="connsiteY147" fmla="*/ 57150 h 1397000"/>
              <a:gd name="connsiteX148" fmla="*/ 692549 w 1703196"/>
              <a:gd name="connsiteY148" fmla="*/ 63500 h 1397000"/>
              <a:gd name="connsiteX149" fmla="*/ 705249 w 1703196"/>
              <a:gd name="connsiteY149" fmla="*/ 44450 h 1397000"/>
              <a:gd name="connsiteX150" fmla="*/ 743349 w 1703196"/>
              <a:gd name="connsiteY150" fmla="*/ 63500 h 1397000"/>
              <a:gd name="connsiteX151" fmla="*/ 863999 w 1703196"/>
              <a:gd name="connsiteY151" fmla="*/ 38100 h 1397000"/>
              <a:gd name="connsiteX152" fmla="*/ 914799 w 1703196"/>
              <a:gd name="connsiteY152" fmla="*/ 31750 h 1397000"/>
              <a:gd name="connsiteX153" fmla="*/ 933849 w 1703196"/>
              <a:gd name="connsiteY153" fmla="*/ 19050 h 1397000"/>
              <a:gd name="connsiteX154" fmla="*/ 959249 w 1703196"/>
              <a:gd name="connsiteY154" fmla="*/ 6350 h 1397000"/>
              <a:gd name="connsiteX155" fmla="*/ 940199 w 1703196"/>
              <a:gd name="connsiteY155" fmla="*/ 6350 h 1397000"/>
              <a:gd name="connsiteX0" fmla="*/ 940199 w 1703196"/>
              <a:gd name="connsiteY0" fmla="*/ 6350 h 1397000"/>
              <a:gd name="connsiteX1" fmla="*/ 971949 w 1703196"/>
              <a:gd name="connsiteY1" fmla="*/ 0 h 1397000"/>
              <a:gd name="connsiteX2" fmla="*/ 1079899 w 1703196"/>
              <a:gd name="connsiteY2" fmla="*/ 12700 h 1397000"/>
              <a:gd name="connsiteX3" fmla="*/ 1152924 w 1703196"/>
              <a:gd name="connsiteY3" fmla="*/ 17463 h 1397000"/>
              <a:gd name="connsiteX4" fmla="*/ 1283099 w 1703196"/>
              <a:gd name="connsiteY4" fmla="*/ 38100 h 1397000"/>
              <a:gd name="connsiteX5" fmla="*/ 1308499 w 1703196"/>
              <a:gd name="connsiteY5" fmla="*/ 44450 h 1397000"/>
              <a:gd name="connsiteX6" fmla="*/ 1352949 w 1703196"/>
              <a:gd name="connsiteY6" fmla="*/ 63500 h 1397000"/>
              <a:gd name="connsiteX7" fmla="*/ 1454549 w 1703196"/>
              <a:gd name="connsiteY7" fmla="*/ 50800 h 1397000"/>
              <a:gd name="connsiteX8" fmla="*/ 1473599 w 1703196"/>
              <a:gd name="connsiteY8" fmla="*/ 44450 h 1397000"/>
              <a:gd name="connsiteX9" fmla="*/ 1530749 w 1703196"/>
              <a:gd name="connsiteY9" fmla="*/ 40481 h 1397000"/>
              <a:gd name="connsiteX10" fmla="*/ 1575993 w 1703196"/>
              <a:gd name="connsiteY10" fmla="*/ 111919 h 1397000"/>
              <a:gd name="connsiteX11" fmla="*/ 1645049 w 1703196"/>
              <a:gd name="connsiteY11" fmla="*/ 152400 h 1397000"/>
              <a:gd name="connsiteX12" fmla="*/ 1651399 w 1703196"/>
              <a:gd name="connsiteY12" fmla="*/ 184150 h 1397000"/>
              <a:gd name="connsiteX13" fmla="*/ 1664099 w 1703196"/>
              <a:gd name="connsiteY13" fmla="*/ 228600 h 1397000"/>
              <a:gd name="connsiteX14" fmla="*/ 1670449 w 1703196"/>
              <a:gd name="connsiteY14" fmla="*/ 273050 h 1397000"/>
              <a:gd name="connsiteX15" fmla="*/ 1676799 w 1703196"/>
              <a:gd name="connsiteY15" fmla="*/ 292100 h 1397000"/>
              <a:gd name="connsiteX16" fmla="*/ 1695849 w 1703196"/>
              <a:gd name="connsiteY16" fmla="*/ 298450 h 1397000"/>
              <a:gd name="connsiteX17" fmla="*/ 1689499 w 1703196"/>
              <a:gd name="connsiteY17" fmla="*/ 342900 h 1397000"/>
              <a:gd name="connsiteX18" fmla="*/ 1651399 w 1703196"/>
              <a:gd name="connsiteY18" fmla="*/ 330200 h 1397000"/>
              <a:gd name="connsiteX19" fmla="*/ 1625999 w 1703196"/>
              <a:gd name="connsiteY19" fmla="*/ 330200 h 1397000"/>
              <a:gd name="connsiteX20" fmla="*/ 1606949 w 1703196"/>
              <a:gd name="connsiteY20" fmla="*/ 336550 h 1397000"/>
              <a:gd name="connsiteX21" fmla="*/ 1594249 w 1703196"/>
              <a:gd name="connsiteY21" fmla="*/ 355600 h 1397000"/>
              <a:gd name="connsiteX22" fmla="*/ 1575199 w 1703196"/>
              <a:gd name="connsiteY22" fmla="*/ 342900 h 1397000"/>
              <a:gd name="connsiteX23" fmla="*/ 1585518 w 1703196"/>
              <a:gd name="connsiteY23" fmla="*/ 427831 h 1397000"/>
              <a:gd name="connsiteX24" fmla="*/ 1553768 w 1703196"/>
              <a:gd name="connsiteY24" fmla="*/ 420688 h 1397000"/>
              <a:gd name="connsiteX25" fmla="*/ 1511699 w 1703196"/>
              <a:gd name="connsiteY25" fmla="*/ 476250 h 1397000"/>
              <a:gd name="connsiteX26" fmla="*/ 1463280 w 1703196"/>
              <a:gd name="connsiteY26" fmla="*/ 453231 h 1397000"/>
              <a:gd name="connsiteX27" fmla="*/ 1429149 w 1703196"/>
              <a:gd name="connsiteY27" fmla="*/ 488950 h 1397000"/>
              <a:gd name="connsiteX28" fmla="*/ 1410099 w 1703196"/>
              <a:gd name="connsiteY28" fmla="*/ 501650 h 1397000"/>
              <a:gd name="connsiteX29" fmla="*/ 1397399 w 1703196"/>
              <a:gd name="connsiteY29" fmla="*/ 520700 h 1397000"/>
              <a:gd name="connsiteX30" fmla="*/ 1403749 w 1703196"/>
              <a:gd name="connsiteY30" fmla="*/ 539750 h 1397000"/>
              <a:gd name="connsiteX31" fmla="*/ 1378349 w 1703196"/>
              <a:gd name="connsiteY31" fmla="*/ 546100 h 1397000"/>
              <a:gd name="connsiteX32" fmla="*/ 1359299 w 1703196"/>
              <a:gd name="connsiteY32" fmla="*/ 552450 h 1397000"/>
              <a:gd name="connsiteX33" fmla="*/ 1327549 w 1703196"/>
              <a:gd name="connsiteY33" fmla="*/ 577850 h 1397000"/>
              <a:gd name="connsiteX34" fmla="*/ 1276749 w 1703196"/>
              <a:gd name="connsiteY34" fmla="*/ 590550 h 1397000"/>
              <a:gd name="connsiteX35" fmla="*/ 1264049 w 1703196"/>
              <a:gd name="connsiteY35" fmla="*/ 609600 h 1397000"/>
              <a:gd name="connsiteX36" fmla="*/ 1270399 w 1703196"/>
              <a:gd name="connsiteY36" fmla="*/ 635000 h 1397000"/>
              <a:gd name="connsiteX37" fmla="*/ 1289449 w 1703196"/>
              <a:gd name="connsiteY37" fmla="*/ 679450 h 1397000"/>
              <a:gd name="connsiteX38" fmla="*/ 1308499 w 1703196"/>
              <a:gd name="connsiteY38" fmla="*/ 889000 h 1397000"/>
              <a:gd name="connsiteX39" fmla="*/ 1295799 w 1703196"/>
              <a:gd name="connsiteY39" fmla="*/ 1016000 h 1397000"/>
              <a:gd name="connsiteX40" fmla="*/ 1308499 w 1703196"/>
              <a:gd name="connsiteY40" fmla="*/ 1047750 h 1397000"/>
              <a:gd name="connsiteX41" fmla="*/ 1333899 w 1703196"/>
              <a:gd name="connsiteY41" fmla="*/ 1085850 h 1397000"/>
              <a:gd name="connsiteX42" fmla="*/ 1352949 w 1703196"/>
              <a:gd name="connsiteY42" fmla="*/ 1130300 h 1397000"/>
              <a:gd name="connsiteX43" fmla="*/ 1365649 w 1703196"/>
              <a:gd name="connsiteY43" fmla="*/ 1174750 h 1397000"/>
              <a:gd name="connsiteX44" fmla="*/ 1340249 w 1703196"/>
              <a:gd name="connsiteY44" fmla="*/ 1162050 h 1397000"/>
              <a:gd name="connsiteX45" fmla="*/ 1308499 w 1703196"/>
              <a:gd name="connsiteY45" fmla="*/ 1155700 h 1397000"/>
              <a:gd name="connsiteX46" fmla="*/ 1238649 w 1703196"/>
              <a:gd name="connsiteY46" fmla="*/ 1143000 h 1397000"/>
              <a:gd name="connsiteX47" fmla="*/ 1213249 w 1703196"/>
              <a:gd name="connsiteY47" fmla="*/ 1123950 h 1397000"/>
              <a:gd name="connsiteX48" fmla="*/ 1219599 w 1703196"/>
              <a:gd name="connsiteY48" fmla="*/ 1143000 h 1397000"/>
              <a:gd name="connsiteX49" fmla="*/ 1194199 w 1703196"/>
              <a:gd name="connsiteY49" fmla="*/ 1200150 h 1397000"/>
              <a:gd name="connsiteX50" fmla="*/ 1200549 w 1703196"/>
              <a:gd name="connsiteY50" fmla="*/ 1244600 h 1397000"/>
              <a:gd name="connsiteX51" fmla="*/ 1194199 w 1703196"/>
              <a:gd name="connsiteY51" fmla="*/ 1270000 h 1397000"/>
              <a:gd name="connsiteX52" fmla="*/ 1175149 w 1703196"/>
              <a:gd name="connsiteY52" fmla="*/ 1346200 h 1397000"/>
              <a:gd name="connsiteX53" fmla="*/ 1187849 w 1703196"/>
              <a:gd name="connsiteY53" fmla="*/ 1365250 h 1397000"/>
              <a:gd name="connsiteX54" fmla="*/ 1168799 w 1703196"/>
              <a:gd name="connsiteY54" fmla="*/ 1371600 h 1397000"/>
              <a:gd name="connsiteX55" fmla="*/ 1086249 w 1703196"/>
              <a:gd name="connsiteY55" fmla="*/ 1397000 h 1397000"/>
              <a:gd name="connsiteX56" fmla="*/ 1041799 w 1703196"/>
              <a:gd name="connsiteY56" fmla="*/ 1384300 h 1397000"/>
              <a:gd name="connsiteX57" fmla="*/ 1022749 w 1703196"/>
              <a:gd name="connsiteY57" fmla="*/ 1377950 h 1397000"/>
              <a:gd name="connsiteX58" fmla="*/ 997349 w 1703196"/>
              <a:gd name="connsiteY58" fmla="*/ 1365250 h 1397000"/>
              <a:gd name="connsiteX59" fmla="*/ 990999 w 1703196"/>
              <a:gd name="connsiteY59" fmla="*/ 1346200 h 1397000"/>
              <a:gd name="connsiteX60" fmla="*/ 959249 w 1703196"/>
              <a:gd name="connsiteY60" fmla="*/ 1339850 h 1397000"/>
              <a:gd name="connsiteX61" fmla="*/ 940199 w 1703196"/>
              <a:gd name="connsiteY61" fmla="*/ 1327150 h 1397000"/>
              <a:gd name="connsiteX62" fmla="*/ 927499 w 1703196"/>
              <a:gd name="connsiteY62" fmla="*/ 1308100 h 1397000"/>
              <a:gd name="connsiteX63" fmla="*/ 908449 w 1703196"/>
              <a:gd name="connsiteY63" fmla="*/ 1301750 h 1397000"/>
              <a:gd name="connsiteX64" fmla="*/ 883049 w 1703196"/>
              <a:gd name="connsiteY64" fmla="*/ 1289050 h 1397000"/>
              <a:gd name="connsiteX65" fmla="*/ 876699 w 1703196"/>
              <a:gd name="connsiteY65" fmla="*/ 1270000 h 1397000"/>
              <a:gd name="connsiteX66" fmla="*/ 838599 w 1703196"/>
              <a:gd name="connsiteY66" fmla="*/ 1250950 h 1397000"/>
              <a:gd name="connsiteX67" fmla="*/ 819549 w 1703196"/>
              <a:gd name="connsiteY67" fmla="*/ 1238250 h 1397000"/>
              <a:gd name="connsiteX68" fmla="*/ 794149 w 1703196"/>
              <a:gd name="connsiteY68" fmla="*/ 1320800 h 1397000"/>
              <a:gd name="connsiteX69" fmla="*/ 768749 w 1703196"/>
              <a:gd name="connsiteY69" fmla="*/ 1327150 h 1397000"/>
              <a:gd name="connsiteX70" fmla="*/ 743349 w 1703196"/>
              <a:gd name="connsiteY70" fmla="*/ 1339850 h 1397000"/>
              <a:gd name="connsiteX71" fmla="*/ 705249 w 1703196"/>
              <a:gd name="connsiteY71" fmla="*/ 1352550 h 1397000"/>
              <a:gd name="connsiteX72" fmla="*/ 679849 w 1703196"/>
              <a:gd name="connsiteY72" fmla="*/ 1346200 h 1397000"/>
              <a:gd name="connsiteX73" fmla="*/ 660799 w 1703196"/>
              <a:gd name="connsiteY73" fmla="*/ 1333500 h 1397000"/>
              <a:gd name="connsiteX74" fmla="*/ 641749 w 1703196"/>
              <a:gd name="connsiteY74" fmla="*/ 1327150 h 1397000"/>
              <a:gd name="connsiteX75" fmla="*/ 635399 w 1703196"/>
              <a:gd name="connsiteY75" fmla="*/ 1308100 h 1397000"/>
              <a:gd name="connsiteX76" fmla="*/ 622699 w 1703196"/>
              <a:gd name="connsiteY76" fmla="*/ 1289050 h 1397000"/>
              <a:gd name="connsiteX77" fmla="*/ 635399 w 1703196"/>
              <a:gd name="connsiteY77" fmla="*/ 1219200 h 1397000"/>
              <a:gd name="connsiteX78" fmla="*/ 641749 w 1703196"/>
              <a:gd name="connsiteY78" fmla="*/ 1162050 h 1397000"/>
              <a:gd name="connsiteX79" fmla="*/ 629049 w 1703196"/>
              <a:gd name="connsiteY79" fmla="*/ 1085850 h 1397000"/>
              <a:gd name="connsiteX80" fmla="*/ 635399 w 1703196"/>
              <a:gd name="connsiteY80" fmla="*/ 1066800 h 1397000"/>
              <a:gd name="connsiteX81" fmla="*/ 641749 w 1703196"/>
              <a:gd name="connsiteY81" fmla="*/ 1041400 h 1397000"/>
              <a:gd name="connsiteX82" fmla="*/ 654449 w 1703196"/>
              <a:gd name="connsiteY82" fmla="*/ 1022350 h 1397000"/>
              <a:gd name="connsiteX83" fmla="*/ 667149 w 1703196"/>
              <a:gd name="connsiteY83" fmla="*/ 996950 h 1397000"/>
              <a:gd name="connsiteX84" fmla="*/ 679849 w 1703196"/>
              <a:gd name="connsiteY84" fmla="*/ 933450 h 1397000"/>
              <a:gd name="connsiteX85" fmla="*/ 686199 w 1703196"/>
              <a:gd name="connsiteY85" fmla="*/ 914400 h 1397000"/>
              <a:gd name="connsiteX86" fmla="*/ 705249 w 1703196"/>
              <a:gd name="connsiteY86" fmla="*/ 901700 h 1397000"/>
              <a:gd name="connsiteX87" fmla="*/ 705249 w 1703196"/>
              <a:gd name="connsiteY87" fmla="*/ 812800 h 1397000"/>
              <a:gd name="connsiteX88" fmla="*/ 684611 w 1703196"/>
              <a:gd name="connsiteY88" fmla="*/ 774700 h 1397000"/>
              <a:gd name="connsiteX89" fmla="*/ 654449 w 1703196"/>
              <a:gd name="connsiteY89" fmla="*/ 781050 h 1397000"/>
              <a:gd name="connsiteX90" fmla="*/ 635399 w 1703196"/>
              <a:gd name="connsiteY90" fmla="*/ 774700 h 1397000"/>
              <a:gd name="connsiteX91" fmla="*/ 609999 w 1703196"/>
              <a:gd name="connsiteY91" fmla="*/ 749300 h 1397000"/>
              <a:gd name="connsiteX92" fmla="*/ 568724 w 1703196"/>
              <a:gd name="connsiteY92" fmla="*/ 697706 h 1397000"/>
              <a:gd name="connsiteX93" fmla="*/ 521099 w 1703196"/>
              <a:gd name="connsiteY93" fmla="*/ 717550 h 1397000"/>
              <a:gd name="connsiteX94" fmla="*/ 473474 w 1703196"/>
              <a:gd name="connsiteY94" fmla="*/ 669131 h 1397000"/>
              <a:gd name="connsiteX95" fmla="*/ 438549 w 1703196"/>
              <a:gd name="connsiteY95" fmla="*/ 698500 h 1397000"/>
              <a:gd name="connsiteX96" fmla="*/ 406799 w 1703196"/>
              <a:gd name="connsiteY96" fmla="*/ 704850 h 1397000"/>
              <a:gd name="connsiteX97" fmla="*/ 368699 w 1703196"/>
              <a:gd name="connsiteY97" fmla="*/ 749300 h 1397000"/>
              <a:gd name="connsiteX98" fmla="*/ 325836 w 1703196"/>
              <a:gd name="connsiteY98" fmla="*/ 759618 h 1397000"/>
              <a:gd name="connsiteX99" fmla="*/ 324249 w 1703196"/>
              <a:gd name="connsiteY99" fmla="*/ 793750 h 1397000"/>
              <a:gd name="connsiteX100" fmla="*/ 279799 w 1703196"/>
              <a:gd name="connsiteY100" fmla="*/ 831850 h 1397000"/>
              <a:gd name="connsiteX101" fmla="*/ 241699 w 1703196"/>
              <a:gd name="connsiteY101" fmla="*/ 844550 h 1397000"/>
              <a:gd name="connsiteX102" fmla="*/ 209156 w 1703196"/>
              <a:gd name="connsiteY102" fmla="*/ 874713 h 1397000"/>
              <a:gd name="connsiteX103" fmla="*/ 209949 w 1703196"/>
              <a:gd name="connsiteY103" fmla="*/ 908050 h 1397000"/>
              <a:gd name="connsiteX104" fmla="*/ 165499 w 1703196"/>
              <a:gd name="connsiteY104" fmla="*/ 927100 h 1397000"/>
              <a:gd name="connsiteX105" fmla="*/ 146449 w 1703196"/>
              <a:gd name="connsiteY105" fmla="*/ 939800 h 1397000"/>
              <a:gd name="connsiteX106" fmla="*/ 127399 w 1703196"/>
              <a:gd name="connsiteY106" fmla="*/ 977900 h 1397000"/>
              <a:gd name="connsiteX107" fmla="*/ 95649 w 1703196"/>
              <a:gd name="connsiteY107" fmla="*/ 990600 h 1397000"/>
              <a:gd name="connsiteX108" fmla="*/ 51199 w 1703196"/>
              <a:gd name="connsiteY108" fmla="*/ 1009650 h 1397000"/>
              <a:gd name="connsiteX109" fmla="*/ 44849 w 1703196"/>
              <a:gd name="connsiteY109" fmla="*/ 990600 h 1397000"/>
              <a:gd name="connsiteX110" fmla="*/ 25799 w 1703196"/>
              <a:gd name="connsiteY110" fmla="*/ 984250 h 1397000"/>
              <a:gd name="connsiteX111" fmla="*/ 6749 w 1703196"/>
              <a:gd name="connsiteY111" fmla="*/ 965200 h 1397000"/>
              <a:gd name="connsiteX112" fmla="*/ 13099 w 1703196"/>
              <a:gd name="connsiteY112" fmla="*/ 927100 h 1397000"/>
              <a:gd name="connsiteX113" fmla="*/ 38499 w 1703196"/>
              <a:gd name="connsiteY113" fmla="*/ 869950 h 1397000"/>
              <a:gd name="connsiteX114" fmla="*/ 57549 w 1703196"/>
              <a:gd name="connsiteY114" fmla="*/ 806450 h 1397000"/>
              <a:gd name="connsiteX115" fmla="*/ 70249 w 1703196"/>
              <a:gd name="connsiteY115" fmla="*/ 768350 h 1397000"/>
              <a:gd name="connsiteX116" fmla="*/ 76599 w 1703196"/>
              <a:gd name="connsiteY116" fmla="*/ 749300 h 1397000"/>
              <a:gd name="connsiteX117" fmla="*/ 82949 w 1703196"/>
              <a:gd name="connsiteY117" fmla="*/ 723900 h 1397000"/>
              <a:gd name="connsiteX118" fmla="*/ 101999 w 1703196"/>
              <a:gd name="connsiteY118" fmla="*/ 717550 h 1397000"/>
              <a:gd name="connsiteX119" fmla="*/ 108349 w 1703196"/>
              <a:gd name="connsiteY119" fmla="*/ 736600 h 1397000"/>
              <a:gd name="connsiteX120" fmla="*/ 152799 w 1703196"/>
              <a:gd name="connsiteY120" fmla="*/ 723900 h 1397000"/>
              <a:gd name="connsiteX121" fmla="*/ 180580 w 1703196"/>
              <a:gd name="connsiteY121" fmla="*/ 699294 h 1397000"/>
              <a:gd name="connsiteX122" fmla="*/ 241699 w 1703196"/>
              <a:gd name="connsiteY122" fmla="*/ 660400 h 1397000"/>
              <a:gd name="connsiteX123" fmla="*/ 248049 w 1703196"/>
              <a:gd name="connsiteY123" fmla="*/ 615950 h 1397000"/>
              <a:gd name="connsiteX124" fmla="*/ 260749 w 1703196"/>
              <a:gd name="connsiteY124" fmla="*/ 590550 h 1397000"/>
              <a:gd name="connsiteX125" fmla="*/ 254399 w 1703196"/>
              <a:gd name="connsiteY125" fmla="*/ 571500 h 1397000"/>
              <a:gd name="connsiteX126" fmla="*/ 238524 w 1703196"/>
              <a:gd name="connsiteY126" fmla="*/ 532606 h 1397000"/>
              <a:gd name="connsiteX127" fmla="*/ 241699 w 1703196"/>
              <a:gd name="connsiteY127" fmla="*/ 495300 h 1397000"/>
              <a:gd name="connsiteX128" fmla="*/ 217886 w 1703196"/>
              <a:gd name="connsiteY128" fmla="*/ 465931 h 1397000"/>
              <a:gd name="connsiteX129" fmla="*/ 260749 w 1703196"/>
              <a:gd name="connsiteY129" fmla="*/ 425450 h 1397000"/>
              <a:gd name="connsiteX130" fmla="*/ 267099 w 1703196"/>
              <a:gd name="connsiteY130" fmla="*/ 406400 h 1397000"/>
              <a:gd name="connsiteX131" fmla="*/ 286149 w 1703196"/>
              <a:gd name="connsiteY131" fmla="*/ 400050 h 1397000"/>
              <a:gd name="connsiteX132" fmla="*/ 298849 w 1703196"/>
              <a:gd name="connsiteY132" fmla="*/ 361950 h 1397000"/>
              <a:gd name="connsiteX133" fmla="*/ 303611 w 1703196"/>
              <a:gd name="connsiteY133" fmla="*/ 342107 h 1397000"/>
              <a:gd name="connsiteX134" fmla="*/ 355999 w 1703196"/>
              <a:gd name="connsiteY134" fmla="*/ 349250 h 1397000"/>
              <a:gd name="connsiteX135" fmla="*/ 394099 w 1703196"/>
              <a:gd name="connsiteY135" fmla="*/ 342900 h 1397000"/>
              <a:gd name="connsiteX136" fmla="*/ 397274 w 1703196"/>
              <a:gd name="connsiteY136" fmla="*/ 294481 h 1397000"/>
              <a:gd name="connsiteX137" fmla="*/ 413149 w 1703196"/>
              <a:gd name="connsiteY137" fmla="*/ 273050 h 1397000"/>
              <a:gd name="connsiteX138" fmla="*/ 419499 w 1703196"/>
              <a:gd name="connsiteY138" fmla="*/ 260350 h 1397000"/>
              <a:gd name="connsiteX139" fmla="*/ 425849 w 1703196"/>
              <a:gd name="connsiteY139" fmla="*/ 234950 h 1397000"/>
              <a:gd name="connsiteX140" fmla="*/ 430611 w 1703196"/>
              <a:gd name="connsiteY140" fmla="*/ 214312 h 1397000"/>
              <a:gd name="connsiteX141" fmla="*/ 452043 w 1703196"/>
              <a:gd name="connsiteY141" fmla="*/ 200819 h 1397000"/>
              <a:gd name="connsiteX142" fmla="*/ 487761 w 1703196"/>
              <a:gd name="connsiteY142" fmla="*/ 190500 h 1397000"/>
              <a:gd name="connsiteX143" fmla="*/ 501255 w 1703196"/>
              <a:gd name="connsiteY143" fmla="*/ 164306 h 1397000"/>
              <a:gd name="connsiteX144" fmla="*/ 546499 w 1703196"/>
              <a:gd name="connsiteY144" fmla="*/ 177800 h 1397000"/>
              <a:gd name="connsiteX145" fmla="*/ 597299 w 1703196"/>
              <a:gd name="connsiteY145" fmla="*/ 165100 h 1397000"/>
              <a:gd name="connsiteX146" fmla="*/ 609999 w 1703196"/>
              <a:gd name="connsiteY146" fmla="*/ 139700 h 1397000"/>
              <a:gd name="connsiteX147" fmla="*/ 635399 w 1703196"/>
              <a:gd name="connsiteY147" fmla="*/ 57150 h 1397000"/>
              <a:gd name="connsiteX148" fmla="*/ 692549 w 1703196"/>
              <a:gd name="connsiteY148" fmla="*/ 63500 h 1397000"/>
              <a:gd name="connsiteX149" fmla="*/ 705249 w 1703196"/>
              <a:gd name="connsiteY149" fmla="*/ 44450 h 1397000"/>
              <a:gd name="connsiteX150" fmla="*/ 743349 w 1703196"/>
              <a:gd name="connsiteY150" fmla="*/ 63500 h 1397000"/>
              <a:gd name="connsiteX151" fmla="*/ 863999 w 1703196"/>
              <a:gd name="connsiteY151" fmla="*/ 38100 h 1397000"/>
              <a:gd name="connsiteX152" fmla="*/ 914799 w 1703196"/>
              <a:gd name="connsiteY152" fmla="*/ 31750 h 1397000"/>
              <a:gd name="connsiteX153" fmla="*/ 933849 w 1703196"/>
              <a:gd name="connsiteY153" fmla="*/ 19050 h 1397000"/>
              <a:gd name="connsiteX154" fmla="*/ 959249 w 1703196"/>
              <a:gd name="connsiteY154" fmla="*/ 6350 h 1397000"/>
              <a:gd name="connsiteX155" fmla="*/ 940199 w 1703196"/>
              <a:gd name="connsiteY155" fmla="*/ 6350 h 1397000"/>
              <a:gd name="connsiteX0" fmla="*/ 940199 w 1703196"/>
              <a:gd name="connsiteY0" fmla="*/ 13387 h 1404037"/>
              <a:gd name="connsiteX1" fmla="*/ 971949 w 1703196"/>
              <a:gd name="connsiteY1" fmla="*/ 7037 h 1404037"/>
              <a:gd name="connsiteX2" fmla="*/ 1089424 w 1703196"/>
              <a:gd name="connsiteY2" fmla="*/ 687 h 1404037"/>
              <a:gd name="connsiteX3" fmla="*/ 1152924 w 1703196"/>
              <a:gd name="connsiteY3" fmla="*/ 24500 h 1404037"/>
              <a:gd name="connsiteX4" fmla="*/ 1283099 w 1703196"/>
              <a:gd name="connsiteY4" fmla="*/ 45137 h 1404037"/>
              <a:gd name="connsiteX5" fmla="*/ 1308499 w 1703196"/>
              <a:gd name="connsiteY5" fmla="*/ 51487 h 1404037"/>
              <a:gd name="connsiteX6" fmla="*/ 1352949 w 1703196"/>
              <a:gd name="connsiteY6" fmla="*/ 70537 h 1404037"/>
              <a:gd name="connsiteX7" fmla="*/ 1454549 w 1703196"/>
              <a:gd name="connsiteY7" fmla="*/ 57837 h 1404037"/>
              <a:gd name="connsiteX8" fmla="*/ 1473599 w 1703196"/>
              <a:gd name="connsiteY8" fmla="*/ 51487 h 1404037"/>
              <a:gd name="connsiteX9" fmla="*/ 1530749 w 1703196"/>
              <a:gd name="connsiteY9" fmla="*/ 47518 h 1404037"/>
              <a:gd name="connsiteX10" fmla="*/ 1575993 w 1703196"/>
              <a:gd name="connsiteY10" fmla="*/ 118956 h 1404037"/>
              <a:gd name="connsiteX11" fmla="*/ 1645049 w 1703196"/>
              <a:gd name="connsiteY11" fmla="*/ 159437 h 1404037"/>
              <a:gd name="connsiteX12" fmla="*/ 1651399 w 1703196"/>
              <a:gd name="connsiteY12" fmla="*/ 191187 h 1404037"/>
              <a:gd name="connsiteX13" fmla="*/ 1664099 w 1703196"/>
              <a:gd name="connsiteY13" fmla="*/ 235637 h 1404037"/>
              <a:gd name="connsiteX14" fmla="*/ 1670449 w 1703196"/>
              <a:gd name="connsiteY14" fmla="*/ 280087 h 1404037"/>
              <a:gd name="connsiteX15" fmla="*/ 1676799 w 1703196"/>
              <a:gd name="connsiteY15" fmla="*/ 299137 h 1404037"/>
              <a:gd name="connsiteX16" fmla="*/ 1695849 w 1703196"/>
              <a:gd name="connsiteY16" fmla="*/ 305487 h 1404037"/>
              <a:gd name="connsiteX17" fmla="*/ 1689499 w 1703196"/>
              <a:gd name="connsiteY17" fmla="*/ 349937 h 1404037"/>
              <a:gd name="connsiteX18" fmla="*/ 1651399 w 1703196"/>
              <a:gd name="connsiteY18" fmla="*/ 337237 h 1404037"/>
              <a:gd name="connsiteX19" fmla="*/ 1625999 w 1703196"/>
              <a:gd name="connsiteY19" fmla="*/ 337237 h 1404037"/>
              <a:gd name="connsiteX20" fmla="*/ 1606949 w 1703196"/>
              <a:gd name="connsiteY20" fmla="*/ 343587 h 1404037"/>
              <a:gd name="connsiteX21" fmla="*/ 1594249 w 1703196"/>
              <a:gd name="connsiteY21" fmla="*/ 362637 h 1404037"/>
              <a:gd name="connsiteX22" fmla="*/ 1575199 w 1703196"/>
              <a:gd name="connsiteY22" fmla="*/ 349937 h 1404037"/>
              <a:gd name="connsiteX23" fmla="*/ 1585518 w 1703196"/>
              <a:gd name="connsiteY23" fmla="*/ 434868 h 1404037"/>
              <a:gd name="connsiteX24" fmla="*/ 1553768 w 1703196"/>
              <a:gd name="connsiteY24" fmla="*/ 427725 h 1404037"/>
              <a:gd name="connsiteX25" fmla="*/ 1511699 w 1703196"/>
              <a:gd name="connsiteY25" fmla="*/ 483287 h 1404037"/>
              <a:gd name="connsiteX26" fmla="*/ 1463280 w 1703196"/>
              <a:gd name="connsiteY26" fmla="*/ 460268 h 1404037"/>
              <a:gd name="connsiteX27" fmla="*/ 1429149 w 1703196"/>
              <a:gd name="connsiteY27" fmla="*/ 495987 h 1404037"/>
              <a:gd name="connsiteX28" fmla="*/ 1410099 w 1703196"/>
              <a:gd name="connsiteY28" fmla="*/ 508687 h 1404037"/>
              <a:gd name="connsiteX29" fmla="*/ 1397399 w 1703196"/>
              <a:gd name="connsiteY29" fmla="*/ 527737 h 1404037"/>
              <a:gd name="connsiteX30" fmla="*/ 1403749 w 1703196"/>
              <a:gd name="connsiteY30" fmla="*/ 546787 h 1404037"/>
              <a:gd name="connsiteX31" fmla="*/ 1378349 w 1703196"/>
              <a:gd name="connsiteY31" fmla="*/ 553137 h 1404037"/>
              <a:gd name="connsiteX32" fmla="*/ 1359299 w 1703196"/>
              <a:gd name="connsiteY32" fmla="*/ 559487 h 1404037"/>
              <a:gd name="connsiteX33" fmla="*/ 1327549 w 1703196"/>
              <a:gd name="connsiteY33" fmla="*/ 584887 h 1404037"/>
              <a:gd name="connsiteX34" fmla="*/ 1276749 w 1703196"/>
              <a:gd name="connsiteY34" fmla="*/ 597587 h 1404037"/>
              <a:gd name="connsiteX35" fmla="*/ 1264049 w 1703196"/>
              <a:gd name="connsiteY35" fmla="*/ 616637 h 1404037"/>
              <a:gd name="connsiteX36" fmla="*/ 1270399 w 1703196"/>
              <a:gd name="connsiteY36" fmla="*/ 642037 h 1404037"/>
              <a:gd name="connsiteX37" fmla="*/ 1289449 w 1703196"/>
              <a:gd name="connsiteY37" fmla="*/ 686487 h 1404037"/>
              <a:gd name="connsiteX38" fmla="*/ 1308499 w 1703196"/>
              <a:gd name="connsiteY38" fmla="*/ 896037 h 1404037"/>
              <a:gd name="connsiteX39" fmla="*/ 1295799 w 1703196"/>
              <a:gd name="connsiteY39" fmla="*/ 1023037 h 1404037"/>
              <a:gd name="connsiteX40" fmla="*/ 1308499 w 1703196"/>
              <a:gd name="connsiteY40" fmla="*/ 1054787 h 1404037"/>
              <a:gd name="connsiteX41" fmla="*/ 1333899 w 1703196"/>
              <a:gd name="connsiteY41" fmla="*/ 1092887 h 1404037"/>
              <a:gd name="connsiteX42" fmla="*/ 1352949 w 1703196"/>
              <a:gd name="connsiteY42" fmla="*/ 1137337 h 1404037"/>
              <a:gd name="connsiteX43" fmla="*/ 1365649 w 1703196"/>
              <a:gd name="connsiteY43" fmla="*/ 1181787 h 1404037"/>
              <a:gd name="connsiteX44" fmla="*/ 1340249 w 1703196"/>
              <a:gd name="connsiteY44" fmla="*/ 1169087 h 1404037"/>
              <a:gd name="connsiteX45" fmla="*/ 1308499 w 1703196"/>
              <a:gd name="connsiteY45" fmla="*/ 1162737 h 1404037"/>
              <a:gd name="connsiteX46" fmla="*/ 1238649 w 1703196"/>
              <a:gd name="connsiteY46" fmla="*/ 1150037 h 1404037"/>
              <a:gd name="connsiteX47" fmla="*/ 1213249 w 1703196"/>
              <a:gd name="connsiteY47" fmla="*/ 1130987 h 1404037"/>
              <a:gd name="connsiteX48" fmla="*/ 1219599 w 1703196"/>
              <a:gd name="connsiteY48" fmla="*/ 1150037 h 1404037"/>
              <a:gd name="connsiteX49" fmla="*/ 1194199 w 1703196"/>
              <a:gd name="connsiteY49" fmla="*/ 1207187 h 1404037"/>
              <a:gd name="connsiteX50" fmla="*/ 1200549 w 1703196"/>
              <a:gd name="connsiteY50" fmla="*/ 1251637 h 1404037"/>
              <a:gd name="connsiteX51" fmla="*/ 1194199 w 1703196"/>
              <a:gd name="connsiteY51" fmla="*/ 1277037 h 1404037"/>
              <a:gd name="connsiteX52" fmla="*/ 1175149 w 1703196"/>
              <a:gd name="connsiteY52" fmla="*/ 1353237 h 1404037"/>
              <a:gd name="connsiteX53" fmla="*/ 1187849 w 1703196"/>
              <a:gd name="connsiteY53" fmla="*/ 1372287 h 1404037"/>
              <a:gd name="connsiteX54" fmla="*/ 1168799 w 1703196"/>
              <a:gd name="connsiteY54" fmla="*/ 1378637 h 1404037"/>
              <a:gd name="connsiteX55" fmla="*/ 1086249 w 1703196"/>
              <a:gd name="connsiteY55" fmla="*/ 1404037 h 1404037"/>
              <a:gd name="connsiteX56" fmla="*/ 1041799 w 1703196"/>
              <a:gd name="connsiteY56" fmla="*/ 1391337 h 1404037"/>
              <a:gd name="connsiteX57" fmla="*/ 1022749 w 1703196"/>
              <a:gd name="connsiteY57" fmla="*/ 1384987 h 1404037"/>
              <a:gd name="connsiteX58" fmla="*/ 997349 w 1703196"/>
              <a:gd name="connsiteY58" fmla="*/ 1372287 h 1404037"/>
              <a:gd name="connsiteX59" fmla="*/ 990999 w 1703196"/>
              <a:gd name="connsiteY59" fmla="*/ 1353237 h 1404037"/>
              <a:gd name="connsiteX60" fmla="*/ 959249 w 1703196"/>
              <a:gd name="connsiteY60" fmla="*/ 1346887 h 1404037"/>
              <a:gd name="connsiteX61" fmla="*/ 940199 w 1703196"/>
              <a:gd name="connsiteY61" fmla="*/ 1334187 h 1404037"/>
              <a:gd name="connsiteX62" fmla="*/ 927499 w 1703196"/>
              <a:gd name="connsiteY62" fmla="*/ 1315137 h 1404037"/>
              <a:gd name="connsiteX63" fmla="*/ 908449 w 1703196"/>
              <a:gd name="connsiteY63" fmla="*/ 1308787 h 1404037"/>
              <a:gd name="connsiteX64" fmla="*/ 883049 w 1703196"/>
              <a:gd name="connsiteY64" fmla="*/ 1296087 h 1404037"/>
              <a:gd name="connsiteX65" fmla="*/ 876699 w 1703196"/>
              <a:gd name="connsiteY65" fmla="*/ 1277037 h 1404037"/>
              <a:gd name="connsiteX66" fmla="*/ 838599 w 1703196"/>
              <a:gd name="connsiteY66" fmla="*/ 1257987 h 1404037"/>
              <a:gd name="connsiteX67" fmla="*/ 819549 w 1703196"/>
              <a:gd name="connsiteY67" fmla="*/ 1245287 h 1404037"/>
              <a:gd name="connsiteX68" fmla="*/ 794149 w 1703196"/>
              <a:gd name="connsiteY68" fmla="*/ 1327837 h 1404037"/>
              <a:gd name="connsiteX69" fmla="*/ 768749 w 1703196"/>
              <a:gd name="connsiteY69" fmla="*/ 1334187 h 1404037"/>
              <a:gd name="connsiteX70" fmla="*/ 743349 w 1703196"/>
              <a:gd name="connsiteY70" fmla="*/ 1346887 h 1404037"/>
              <a:gd name="connsiteX71" fmla="*/ 705249 w 1703196"/>
              <a:gd name="connsiteY71" fmla="*/ 1359587 h 1404037"/>
              <a:gd name="connsiteX72" fmla="*/ 679849 w 1703196"/>
              <a:gd name="connsiteY72" fmla="*/ 1353237 h 1404037"/>
              <a:gd name="connsiteX73" fmla="*/ 660799 w 1703196"/>
              <a:gd name="connsiteY73" fmla="*/ 1340537 h 1404037"/>
              <a:gd name="connsiteX74" fmla="*/ 641749 w 1703196"/>
              <a:gd name="connsiteY74" fmla="*/ 1334187 h 1404037"/>
              <a:gd name="connsiteX75" fmla="*/ 635399 w 1703196"/>
              <a:gd name="connsiteY75" fmla="*/ 1315137 h 1404037"/>
              <a:gd name="connsiteX76" fmla="*/ 622699 w 1703196"/>
              <a:gd name="connsiteY76" fmla="*/ 1296087 h 1404037"/>
              <a:gd name="connsiteX77" fmla="*/ 635399 w 1703196"/>
              <a:gd name="connsiteY77" fmla="*/ 1226237 h 1404037"/>
              <a:gd name="connsiteX78" fmla="*/ 641749 w 1703196"/>
              <a:gd name="connsiteY78" fmla="*/ 1169087 h 1404037"/>
              <a:gd name="connsiteX79" fmla="*/ 629049 w 1703196"/>
              <a:gd name="connsiteY79" fmla="*/ 1092887 h 1404037"/>
              <a:gd name="connsiteX80" fmla="*/ 635399 w 1703196"/>
              <a:gd name="connsiteY80" fmla="*/ 1073837 h 1404037"/>
              <a:gd name="connsiteX81" fmla="*/ 641749 w 1703196"/>
              <a:gd name="connsiteY81" fmla="*/ 1048437 h 1404037"/>
              <a:gd name="connsiteX82" fmla="*/ 654449 w 1703196"/>
              <a:gd name="connsiteY82" fmla="*/ 1029387 h 1404037"/>
              <a:gd name="connsiteX83" fmla="*/ 667149 w 1703196"/>
              <a:gd name="connsiteY83" fmla="*/ 1003987 h 1404037"/>
              <a:gd name="connsiteX84" fmla="*/ 679849 w 1703196"/>
              <a:gd name="connsiteY84" fmla="*/ 940487 h 1404037"/>
              <a:gd name="connsiteX85" fmla="*/ 686199 w 1703196"/>
              <a:gd name="connsiteY85" fmla="*/ 921437 h 1404037"/>
              <a:gd name="connsiteX86" fmla="*/ 705249 w 1703196"/>
              <a:gd name="connsiteY86" fmla="*/ 908737 h 1404037"/>
              <a:gd name="connsiteX87" fmla="*/ 705249 w 1703196"/>
              <a:gd name="connsiteY87" fmla="*/ 819837 h 1404037"/>
              <a:gd name="connsiteX88" fmla="*/ 684611 w 1703196"/>
              <a:gd name="connsiteY88" fmla="*/ 781737 h 1404037"/>
              <a:gd name="connsiteX89" fmla="*/ 654449 w 1703196"/>
              <a:gd name="connsiteY89" fmla="*/ 788087 h 1404037"/>
              <a:gd name="connsiteX90" fmla="*/ 635399 w 1703196"/>
              <a:gd name="connsiteY90" fmla="*/ 781737 h 1404037"/>
              <a:gd name="connsiteX91" fmla="*/ 609999 w 1703196"/>
              <a:gd name="connsiteY91" fmla="*/ 756337 h 1404037"/>
              <a:gd name="connsiteX92" fmla="*/ 568724 w 1703196"/>
              <a:gd name="connsiteY92" fmla="*/ 704743 h 1404037"/>
              <a:gd name="connsiteX93" fmla="*/ 521099 w 1703196"/>
              <a:gd name="connsiteY93" fmla="*/ 724587 h 1404037"/>
              <a:gd name="connsiteX94" fmla="*/ 473474 w 1703196"/>
              <a:gd name="connsiteY94" fmla="*/ 676168 h 1404037"/>
              <a:gd name="connsiteX95" fmla="*/ 438549 w 1703196"/>
              <a:gd name="connsiteY95" fmla="*/ 705537 h 1404037"/>
              <a:gd name="connsiteX96" fmla="*/ 406799 w 1703196"/>
              <a:gd name="connsiteY96" fmla="*/ 711887 h 1404037"/>
              <a:gd name="connsiteX97" fmla="*/ 368699 w 1703196"/>
              <a:gd name="connsiteY97" fmla="*/ 756337 h 1404037"/>
              <a:gd name="connsiteX98" fmla="*/ 325836 w 1703196"/>
              <a:gd name="connsiteY98" fmla="*/ 766655 h 1404037"/>
              <a:gd name="connsiteX99" fmla="*/ 324249 w 1703196"/>
              <a:gd name="connsiteY99" fmla="*/ 800787 h 1404037"/>
              <a:gd name="connsiteX100" fmla="*/ 279799 w 1703196"/>
              <a:gd name="connsiteY100" fmla="*/ 838887 h 1404037"/>
              <a:gd name="connsiteX101" fmla="*/ 241699 w 1703196"/>
              <a:gd name="connsiteY101" fmla="*/ 851587 h 1404037"/>
              <a:gd name="connsiteX102" fmla="*/ 209156 w 1703196"/>
              <a:gd name="connsiteY102" fmla="*/ 881750 h 1404037"/>
              <a:gd name="connsiteX103" fmla="*/ 209949 w 1703196"/>
              <a:gd name="connsiteY103" fmla="*/ 915087 h 1404037"/>
              <a:gd name="connsiteX104" fmla="*/ 165499 w 1703196"/>
              <a:gd name="connsiteY104" fmla="*/ 934137 h 1404037"/>
              <a:gd name="connsiteX105" fmla="*/ 146449 w 1703196"/>
              <a:gd name="connsiteY105" fmla="*/ 946837 h 1404037"/>
              <a:gd name="connsiteX106" fmla="*/ 127399 w 1703196"/>
              <a:gd name="connsiteY106" fmla="*/ 984937 h 1404037"/>
              <a:gd name="connsiteX107" fmla="*/ 95649 w 1703196"/>
              <a:gd name="connsiteY107" fmla="*/ 997637 h 1404037"/>
              <a:gd name="connsiteX108" fmla="*/ 51199 w 1703196"/>
              <a:gd name="connsiteY108" fmla="*/ 1016687 h 1404037"/>
              <a:gd name="connsiteX109" fmla="*/ 44849 w 1703196"/>
              <a:gd name="connsiteY109" fmla="*/ 997637 h 1404037"/>
              <a:gd name="connsiteX110" fmla="*/ 25799 w 1703196"/>
              <a:gd name="connsiteY110" fmla="*/ 991287 h 1404037"/>
              <a:gd name="connsiteX111" fmla="*/ 6749 w 1703196"/>
              <a:gd name="connsiteY111" fmla="*/ 972237 h 1404037"/>
              <a:gd name="connsiteX112" fmla="*/ 13099 w 1703196"/>
              <a:gd name="connsiteY112" fmla="*/ 934137 h 1404037"/>
              <a:gd name="connsiteX113" fmla="*/ 38499 w 1703196"/>
              <a:gd name="connsiteY113" fmla="*/ 876987 h 1404037"/>
              <a:gd name="connsiteX114" fmla="*/ 57549 w 1703196"/>
              <a:gd name="connsiteY114" fmla="*/ 813487 h 1404037"/>
              <a:gd name="connsiteX115" fmla="*/ 70249 w 1703196"/>
              <a:gd name="connsiteY115" fmla="*/ 775387 h 1404037"/>
              <a:gd name="connsiteX116" fmla="*/ 76599 w 1703196"/>
              <a:gd name="connsiteY116" fmla="*/ 756337 h 1404037"/>
              <a:gd name="connsiteX117" fmla="*/ 82949 w 1703196"/>
              <a:gd name="connsiteY117" fmla="*/ 730937 h 1404037"/>
              <a:gd name="connsiteX118" fmla="*/ 101999 w 1703196"/>
              <a:gd name="connsiteY118" fmla="*/ 724587 h 1404037"/>
              <a:gd name="connsiteX119" fmla="*/ 108349 w 1703196"/>
              <a:gd name="connsiteY119" fmla="*/ 743637 h 1404037"/>
              <a:gd name="connsiteX120" fmla="*/ 152799 w 1703196"/>
              <a:gd name="connsiteY120" fmla="*/ 730937 h 1404037"/>
              <a:gd name="connsiteX121" fmla="*/ 180580 w 1703196"/>
              <a:gd name="connsiteY121" fmla="*/ 706331 h 1404037"/>
              <a:gd name="connsiteX122" fmla="*/ 241699 w 1703196"/>
              <a:gd name="connsiteY122" fmla="*/ 667437 h 1404037"/>
              <a:gd name="connsiteX123" fmla="*/ 248049 w 1703196"/>
              <a:gd name="connsiteY123" fmla="*/ 622987 h 1404037"/>
              <a:gd name="connsiteX124" fmla="*/ 260749 w 1703196"/>
              <a:gd name="connsiteY124" fmla="*/ 597587 h 1404037"/>
              <a:gd name="connsiteX125" fmla="*/ 254399 w 1703196"/>
              <a:gd name="connsiteY125" fmla="*/ 578537 h 1404037"/>
              <a:gd name="connsiteX126" fmla="*/ 238524 w 1703196"/>
              <a:gd name="connsiteY126" fmla="*/ 539643 h 1404037"/>
              <a:gd name="connsiteX127" fmla="*/ 241699 w 1703196"/>
              <a:gd name="connsiteY127" fmla="*/ 502337 h 1404037"/>
              <a:gd name="connsiteX128" fmla="*/ 217886 w 1703196"/>
              <a:gd name="connsiteY128" fmla="*/ 472968 h 1404037"/>
              <a:gd name="connsiteX129" fmla="*/ 260749 w 1703196"/>
              <a:gd name="connsiteY129" fmla="*/ 432487 h 1404037"/>
              <a:gd name="connsiteX130" fmla="*/ 267099 w 1703196"/>
              <a:gd name="connsiteY130" fmla="*/ 413437 h 1404037"/>
              <a:gd name="connsiteX131" fmla="*/ 286149 w 1703196"/>
              <a:gd name="connsiteY131" fmla="*/ 407087 h 1404037"/>
              <a:gd name="connsiteX132" fmla="*/ 298849 w 1703196"/>
              <a:gd name="connsiteY132" fmla="*/ 368987 h 1404037"/>
              <a:gd name="connsiteX133" fmla="*/ 303611 w 1703196"/>
              <a:gd name="connsiteY133" fmla="*/ 349144 h 1404037"/>
              <a:gd name="connsiteX134" fmla="*/ 355999 w 1703196"/>
              <a:gd name="connsiteY134" fmla="*/ 356287 h 1404037"/>
              <a:gd name="connsiteX135" fmla="*/ 394099 w 1703196"/>
              <a:gd name="connsiteY135" fmla="*/ 349937 h 1404037"/>
              <a:gd name="connsiteX136" fmla="*/ 397274 w 1703196"/>
              <a:gd name="connsiteY136" fmla="*/ 301518 h 1404037"/>
              <a:gd name="connsiteX137" fmla="*/ 413149 w 1703196"/>
              <a:gd name="connsiteY137" fmla="*/ 280087 h 1404037"/>
              <a:gd name="connsiteX138" fmla="*/ 419499 w 1703196"/>
              <a:gd name="connsiteY138" fmla="*/ 267387 h 1404037"/>
              <a:gd name="connsiteX139" fmla="*/ 425849 w 1703196"/>
              <a:gd name="connsiteY139" fmla="*/ 241987 h 1404037"/>
              <a:gd name="connsiteX140" fmla="*/ 430611 w 1703196"/>
              <a:gd name="connsiteY140" fmla="*/ 221349 h 1404037"/>
              <a:gd name="connsiteX141" fmla="*/ 452043 w 1703196"/>
              <a:gd name="connsiteY141" fmla="*/ 207856 h 1404037"/>
              <a:gd name="connsiteX142" fmla="*/ 487761 w 1703196"/>
              <a:gd name="connsiteY142" fmla="*/ 197537 h 1404037"/>
              <a:gd name="connsiteX143" fmla="*/ 501255 w 1703196"/>
              <a:gd name="connsiteY143" fmla="*/ 171343 h 1404037"/>
              <a:gd name="connsiteX144" fmla="*/ 546499 w 1703196"/>
              <a:gd name="connsiteY144" fmla="*/ 184837 h 1404037"/>
              <a:gd name="connsiteX145" fmla="*/ 597299 w 1703196"/>
              <a:gd name="connsiteY145" fmla="*/ 172137 h 1404037"/>
              <a:gd name="connsiteX146" fmla="*/ 609999 w 1703196"/>
              <a:gd name="connsiteY146" fmla="*/ 146737 h 1404037"/>
              <a:gd name="connsiteX147" fmla="*/ 635399 w 1703196"/>
              <a:gd name="connsiteY147" fmla="*/ 64187 h 1404037"/>
              <a:gd name="connsiteX148" fmla="*/ 692549 w 1703196"/>
              <a:gd name="connsiteY148" fmla="*/ 70537 h 1404037"/>
              <a:gd name="connsiteX149" fmla="*/ 705249 w 1703196"/>
              <a:gd name="connsiteY149" fmla="*/ 51487 h 1404037"/>
              <a:gd name="connsiteX150" fmla="*/ 743349 w 1703196"/>
              <a:gd name="connsiteY150" fmla="*/ 70537 h 1404037"/>
              <a:gd name="connsiteX151" fmla="*/ 863999 w 1703196"/>
              <a:gd name="connsiteY151" fmla="*/ 45137 h 1404037"/>
              <a:gd name="connsiteX152" fmla="*/ 914799 w 1703196"/>
              <a:gd name="connsiteY152" fmla="*/ 38787 h 1404037"/>
              <a:gd name="connsiteX153" fmla="*/ 933849 w 1703196"/>
              <a:gd name="connsiteY153" fmla="*/ 26087 h 1404037"/>
              <a:gd name="connsiteX154" fmla="*/ 959249 w 1703196"/>
              <a:gd name="connsiteY154" fmla="*/ 13387 h 1404037"/>
              <a:gd name="connsiteX155" fmla="*/ 940199 w 1703196"/>
              <a:gd name="connsiteY155" fmla="*/ 13387 h 1404037"/>
              <a:gd name="connsiteX0" fmla="*/ 940199 w 1703196"/>
              <a:gd name="connsiteY0" fmla="*/ 13387 h 1404037"/>
              <a:gd name="connsiteX1" fmla="*/ 971949 w 1703196"/>
              <a:gd name="connsiteY1" fmla="*/ 7037 h 1404037"/>
              <a:gd name="connsiteX2" fmla="*/ 1089424 w 1703196"/>
              <a:gd name="connsiteY2" fmla="*/ 687 h 1404037"/>
              <a:gd name="connsiteX3" fmla="*/ 1152924 w 1703196"/>
              <a:gd name="connsiteY3" fmla="*/ 24500 h 1404037"/>
              <a:gd name="connsiteX4" fmla="*/ 1283099 w 1703196"/>
              <a:gd name="connsiteY4" fmla="*/ 45137 h 1404037"/>
              <a:gd name="connsiteX5" fmla="*/ 1308499 w 1703196"/>
              <a:gd name="connsiteY5" fmla="*/ 51487 h 1404037"/>
              <a:gd name="connsiteX6" fmla="*/ 1352949 w 1703196"/>
              <a:gd name="connsiteY6" fmla="*/ 70537 h 1404037"/>
              <a:gd name="connsiteX7" fmla="*/ 1454549 w 1703196"/>
              <a:gd name="connsiteY7" fmla="*/ 57837 h 1404037"/>
              <a:gd name="connsiteX8" fmla="*/ 1473599 w 1703196"/>
              <a:gd name="connsiteY8" fmla="*/ 51487 h 1404037"/>
              <a:gd name="connsiteX9" fmla="*/ 1530749 w 1703196"/>
              <a:gd name="connsiteY9" fmla="*/ 47518 h 1404037"/>
              <a:gd name="connsiteX10" fmla="*/ 1575993 w 1703196"/>
              <a:gd name="connsiteY10" fmla="*/ 118956 h 1404037"/>
              <a:gd name="connsiteX11" fmla="*/ 1645049 w 1703196"/>
              <a:gd name="connsiteY11" fmla="*/ 159437 h 1404037"/>
              <a:gd name="connsiteX12" fmla="*/ 1651399 w 1703196"/>
              <a:gd name="connsiteY12" fmla="*/ 191187 h 1404037"/>
              <a:gd name="connsiteX13" fmla="*/ 1664099 w 1703196"/>
              <a:gd name="connsiteY13" fmla="*/ 235637 h 1404037"/>
              <a:gd name="connsiteX14" fmla="*/ 1670449 w 1703196"/>
              <a:gd name="connsiteY14" fmla="*/ 280087 h 1404037"/>
              <a:gd name="connsiteX15" fmla="*/ 1676799 w 1703196"/>
              <a:gd name="connsiteY15" fmla="*/ 299137 h 1404037"/>
              <a:gd name="connsiteX16" fmla="*/ 1695849 w 1703196"/>
              <a:gd name="connsiteY16" fmla="*/ 305487 h 1404037"/>
              <a:gd name="connsiteX17" fmla="*/ 1689499 w 1703196"/>
              <a:gd name="connsiteY17" fmla="*/ 349937 h 1404037"/>
              <a:gd name="connsiteX18" fmla="*/ 1651399 w 1703196"/>
              <a:gd name="connsiteY18" fmla="*/ 337237 h 1404037"/>
              <a:gd name="connsiteX19" fmla="*/ 1625999 w 1703196"/>
              <a:gd name="connsiteY19" fmla="*/ 337237 h 1404037"/>
              <a:gd name="connsiteX20" fmla="*/ 1606949 w 1703196"/>
              <a:gd name="connsiteY20" fmla="*/ 343587 h 1404037"/>
              <a:gd name="connsiteX21" fmla="*/ 1594249 w 1703196"/>
              <a:gd name="connsiteY21" fmla="*/ 362637 h 1404037"/>
              <a:gd name="connsiteX22" fmla="*/ 1575199 w 1703196"/>
              <a:gd name="connsiteY22" fmla="*/ 349937 h 1404037"/>
              <a:gd name="connsiteX23" fmla="*/ 1585518 w 1703196"/>
              <a:gd name="connsiteY23" fmla="*/ 434868 h 1404037"/>
              <a:gd name="connsiteX24" fmla="*/ 1553768 w 1703196"/>
              <a:gd name="connsiteY24" fmla="*/ 427725 h 1404037"/>
              <a:gd name="connsiteX25" fmla="*/ 1511699 w 1703196"/>
              <a:gd name="connsiteY25" fmla="*/ 483287 h 1404037"/>
              <a:gd name="connsiteX26" fmla="*/ 1463280 w 1703196"/>
              <a:gd name="connsiteY26" fmla="*/ 460268 h 1404037"/>
              <a:gd name="connsiteX27" fmla="*/ 1429149 w 1703196"/>
              <a:gd name="connsiteY27" fmla="*/ 495987 h 1404037"/>
              <a:gd name="connsiteX28" fmla="*/ 1410099 w 1703196"/>
              <a:gd name="connsiteY28" fmla="*/ 508687 h 1404037"/>
              <a:gd name="connsiteX29" fmla="*/ 1397399 w 1703196"/>
              <a:gd name="connsiteY29" fmla="*/ 527737 h 1404037"/>
              <a:gd name="connsiteX30" fmla="*/ 1403749 w 1703196"/>
              <a:gd name="connsiteY30" fmla="*/ 546787 h 1404037"/>
              <a:gd name="connsiteX31" fmla="*/ 1378349 w 1703196"/>
              <a:gd name="connsiteY31" fmla="*/ 553137 h 1404037"/>
              <a:gd name="connsiteX32" fmla="*/ 1359299 w 1703196"/>
              <a:gd name="connsiteY32" fmla="*/ 559487 h 1404037"/>
              <a:gd name="connsiteX33" fmla="*/ 1327549 w 1703196"/>
              <a:gd name="connsiteY33" fmla="*/ 584887 h 1404037"/>
              <a:gd name="connsiteX34" fmla="*/ 1276749 w 1703196"/>
              <a:gd name="connsiteY34" fmla="*/ 597587 h 1404037"/>
              <a:gd name="connsiteX35" fmla="*/ 1264049 w 1703196"/>
              <a:gd name="connsiteY35" fmla="*/ 616637 h 1404037"/>
              <a:gd name="connsiteX36" fmla="*/ 1270399 w 1703196"/>
              <a:gd name="connsiteY36" fmla="*/ 642037 h 1404037"/>
              <a:gd name="connsiteX37" fmla="*/ 1289449 w 1703196"/>
              <a:gd name="connsiteY37" fmla="*/ 686487 h 1404037"/>
              <a:gd name="connsiteX38" fmla="*/ 1308499 w 1703196"/>
              <a:gd name="connsiteY38" fmla="*/ 896037 h 1404037"/>
              <a:gd name="connsiteX39" fmla="*/ 1295799 w 1703196"/>
              <a:gd name="connsiteY39" fmla="*/ 1023037 h 1404037"/>
              <a:gd name="connsiteX40" fmla="*/ 1308499 w 1703196"/>
              <a:gd name="connsiteY40" fmla="*/ 1054787 h 1404037"/>
              <a:gd name="connsiteX41" fmla="*/ 1333899 w 1703196"/>
              <a:gd name="connsiteY41" fmla="*/ 1092887 h 1404037"/>
              <a:gd name="connsiteX42" fmla="*/ 1352949 w 1703196"/>
              <a:gd name="connsiteY42" fmla="*/ 1137337 h 1404037"/>
              <a:gd name="connsiteX43" fmla="*/ 1365649 w 1703196"/>
              <a:gd name="connsiteY43" fmla="*/ 1181787 h 1404037"/>
              <a:gd name="connsiteX44" fmla="*/ 1340249 w 1703196"/>
              <a:gd name="connsiteY44" fmla="*/ 1169087 h 1404037"/>
              <a:gd name="connsiteX45" fmla="*/ 1308499 w 1703196"/>
              <a:gd name="connsiteY45" fmla="*/ 1162737 h 1404037"/>
              <a:gd name="connsiteX46" fmla="*/ 1238649 w 1703196"/>
              <a:gd name="connsiteY46" fmla="*/ 1150037 h 1404037"/>
              <a:gd name="connsiteX47" fmla="*/ 1213249 w 1703196"/>
              <a:gd name="connsiteY47" fmla="*/ 1130987 h 1404037"/>
              <a:gd name="connsiteX48" fmla="*/ 1219599 w 1703196"/>
              <a:gd name="connsiteY48" fmla="*/ 1150037 h 1404037"/>
              <a:gd name="connsiteX49" fmla="*/ 1194199 w 1703196"/>
              <a:gd name="connsiteY49" fmla="*/ 1207187 h 1404037"/>
              <a:gd name="connsiteX50" fmla="*/ 1200549 w 1703196"/>
              <a:gd name="connsiteY50" fmla="*/ 1251637 h 1404037"/>
              <a:gd name="connsiteX51" fmla="*/ 1194199 w 1703196"/>
              <a:gd name="connsiteY51" fmla="*/ 1277037 h 1404037"/>
              <a:gd name="connsiteX52" fmla="*/ 1175149 w 1703196"/>
              <a:gd name="connsiteY52" fmla="*/ 1353237 h 1404037"/>
              <a:gd name="connsiteX53" fmla="*/ 1187849 w 1703196"/>
              <a:gd name="connsiteY53" fmla="*/ 1372287 h 1404037"/>
              <a:gd name="connsiteX54" fmla="*/ 1168799 w 1703196"/>
              <a:gd name="connsiteY54" fmla="*/ 1378637 h 1404037"/>
              <a:gd name="connsiteX55" fmla="*/ 1086249 w 1703196"/>
              <a:gd name="connsiteY55" fmla="*/ 1404037 h 1404037"/>
              <a:gd name="connsiteX56" fmla="*/ 1041799 w 1703196"/>
              <a:gd name="connsiteY56" fmla="*/ 1391337 h 1404037"/>
              <a:gd name="connsiteX57" fmla="*/ 1022749 w 1703196"/>
              <a:gd name="connsiteY57" fmla="*/ 1384987 h 1404037"/>
              <a:gd name="connsiteX58" fmla="*/ 997349 w 1703196"/>
              <a:gd name="connsiteY58" fmla="*/ 1372287 h 1404037"/>
              <a:gd name="connsiteX59" fmla="*/ 990999 w 1703196"/>
              <a:gd name="connsiteY59" fmla="*/ 1353237 h 1404037"/>
              <a:gd name="connsiteX60" fmla="*/ 959249 w 1703196"/>
              <a:gd name="connsiteY60" fmla="*/ 1346887 h 1404037"/>
              <a:gd name="connsiteX61" fmla="*/ 940199 w 1703196"/>
              <a:gd name="connsiteY61" fmla="*/ 1334187 h 1404037"/>
              <a:gd name="connsiteX62" fmla="*/ 927499 w 1703196"/>
              <a:gd name="connsiteY62" fmla="*/ 1315137 h 1404037"/>
              <a:gd name="connsiteX63" fmla="*/ 908449 w 1703196"/>
              <a:gd name="connsiteY63" fmla="*/ 1308787 h 1404037"/>
              <a:gd name="connsiteX64" fmla="*/ 883049 w 1703196"/>
              <a:gd name="connsiteY64" fmla="*/ 1296087 h 1404037"/>
              <a:gd name="connsiteX65" fmla="*/ 876699 w 1703196"/>
              <a:gd name="connsiteY65" fmla="*/ 1277037 h 1404037"/>
              <a:gd name="connsiteX66" fmla="*/ 838599 w 1703196"/>
              <a:gd name="connsiteY66" fmla="*/ 1257987 h 1404037"/>
              <a:gd name="connsiteX67" fmla="*/ 819549 w 1703196"/>
              <a:gd name="connsiteY67" fmla="*/ 1245287 h 1404037"/>
              <a:gd name="connsiteX68" fmla="*/ 794149 w 1703196"/>
              <a:gd name="connsiteY68" fmla="*/ 1327837 h 1404037"/>
              <a:gd name="connsiteX69" fmla="*/ 768749 w 1703196"/>
              <a:gd name="connsiteY69" fmla="*/ 1334187 h 1404037"/>
              <a:gd name="connsiteX70" fmla="*/ 743349 w 1703196"/>
              <a:gd name="connsiteY70" fmla="*/ 1346887 h 1404037"/>
              <a:gd name="connsiteX71" fmla="*/ 705249 w 1703196"/>
              <a:gd name="connsiteY71" fmla="*/ 1359587 h 1404037"/>
              <a:gd name="connsiteX72" fmla="*/ 679849 w 1703196"/>
              <a:gd name="connsiteY72" fmla="*/ 1353237 h 1404037"/>
              <a:gd name="connsiteX73" fmla="*/ 660799 w 1703196"/>
              <a:gd name="connsiteY73" fmla="*/ 1340537 h 1404037"/>
              <a:gd name="connsiteX74" fmla="*/ 641749 w 1703196"/>
              <a:gd name="connsiteY74" fmla="*/ 1334187 h 1404037"/>
              <a:gd name="connsiteX75" fmla="*/ 635399 w 1703196"/>
              <a:gd name="connsiteY75" fmla="*/ 1315137 h 1404037"/>
              <a:gd name="connsiteX76" fmla="*/ 622699 w 1703196"/>
              <a:gd name="connsiteY76" fmla="*/ 1296087 h 1404037"/>
              <a:gd name="connsiteX77" fmla="*/ 635399 w 1703196"/>
              <a:gd name="connsiteY77" fmla="*/ 1226237 h 1404037"/>
              <a:gd name="connsiteX78" fmla="*/ 641749 w 1703196"/>
              <a:gd name="connsiteY78" fmla="*/ 1169087 h 1404037"/>
              <a:gd name="connsiteX79" fmla="*/ 629049 w 1703196"/>
              <a:gd name="connsiteY79" fmla="*/ 1092887 h 1404037"/>
              <a:gd name="connsiteX80" fmla="*/ 635399 w 1703196"/>
              <a:gd name="connsiteY80" fmla="*/ 1073837 h 1404037"/>
              <a:gd name="connsiteX81" fmla="*/ 641749 w 1703196"/>
              <a:gd name="connsiteY81" fmla="*/ 1048437 h 1404037"/>
              <a:gd name="connsiteX82" fmla="*/ 654449 w 1703196"/>
              <a:gd name="connsiteY82" fmla="*/ 1029387 h 1404037"/>
              <a:gd name="connsiteX83" fmla="*/ 667149 w 1703196"/>
              <a:gd name="connsiteY83" fmla="*/ 1003987 h 1404037"/>
              <a:gd name="connsiteX84" fmla="*/ 679849 w 1703196"/>
              <a:gd name="connsiteY84" fmla="*/ 940487 h 1404037"/>
              <a:gd name="connsiteX85" fmla="*/ 686199 w 1703196"/>
              <a:gd name="connsiteY85" fmla="*/ 921437 h 1404037"/>
              <a:gd name="connsiteX86" fmla="*/ 705249 w 1703196"/>
              <a:gd name="connsiteY86" fmla="*/ 908737 h 1404037"/>
              <a:gd name="connsiteX87" fmla="*/ 705249 w 1703196"/>
              <a:gd name="connsiteY87" fmla="*/ 819837 h 1404037"/>
              <a:gd name="connsiteX88" fmla="*/ 684611 w 1703196"/>
              <a:gd name="connsiteY88" fmla="*/ 781737 h 1404037"/>
              <a:gd name="connsiteX89" fmla="*/ 654449 w 1703196"/>
              <a:gd name="connsiteY89" fmla="*/ 788087 h 1404037"/>
              <a:gd name="connsiteX90" fmla="*/ 635399 w 1703196"/>
              <a:gd name="connsiteY90" fmla="*/ 781737 h 1404037"/>
              <a:gd name="connsiteX91" fmla="*/ 609999 w 1703196"/>
              <a:gd name="connsiteY91" fmla="*/ 756337 h 1404037"/>
              <a:gd name="connsiteX92" fmla="*/ 568724 w 1703196"/>
              <a:gd name="connsiteY92" fmla="*/ 704743 h 1404037"/>
              <a:gd name="connsiteX93" fmla="*/ 521099 w 1703196"/>
              <a:gd name="connsiteY93" fmla="*/ 724587 h 1404037"/>
              <a:gd name="connsiteX94" fmla="*/ 473474 w 1703196"/>
              <a:gd name="connsiteY94" fmla="*/ 676168 h 1404037"/>
              <a:gd name="connsiteX95" fmla="*/ 438549 w 1703196"/>
              <a:gd name="connsiteY95" fmla="*/ 705537 h 1404037"/>
              <a:gd name="connsiteX96" fmla="*/ 406799 w 1703196"/>
              <a:gd name="connsiteY96" fmla="*/ 711887 h 1404037"/>
              <a:gd name="connsiteX97" fmla="*/ 368699 w 1703196"/>
              <a:gd name="connsiteY97" fmla="*/ 756337 h 1404037"/>
              <a:gd name="connsiteX98" fmla="*/ 325836 w 1703196"/>
              <a:gd name="connsiteY98" fmla="*/ 766655 h 1404037"/>
              <a:gd name="connsiteX99" fmla="*/ 324249 w 1703196"/>
              <a:gd name="connsiteY99" fmla="*/ 800787 h 1404037"/>
              <a:gd name="connsiteX100" fmla="*/ 279799 w 1703196"/>
              <a:gd name="connsiteY100" fmla="*/ 838887 h 1404037"/>
              <a:gd name="connsiteX101" fmla="*/ 241699 w 1703196"/>
              <a:gd name="connsiteY101" fmla="*/ 851587 h 1404037"/>
              <a:gd name="connsiteX102" fmla="*/ 209156 w 1703196"/>
              <a:gd name="connsiteY102" fmla="*/ 881750 h 1404037"/>
              <a:gd name="connsiteX103" fmla="*/ 209949 w 1703196"/>
              <a:gd name="connsiteY103" fmla="*/ 915087 h 1404037"/>
              <a:gd name="connsiteX104" fmla="*/ 165499 w 1703196"/>
              <a:gd name="connsiteY104" fmla="*/ 934137 h 1404037"/>
              <a:gd name="connsiteX105" fmla="*/ 146449 w 1703196"/>
              <a:gd name="connsiteY105" fmla="*/ 946837 h 1404037"/>
              <a:gd name="connsiteX106" fmla="*/ 127399 w 1703196"/>
              <a:gd name="connsiteY106" fmla="*/ 984937 h 1404037"/>
              <a:gd name="connsiteX107" fmla="*/ 95649 w 1703196"/>
              <a:gd name="connsiteY107" fmla="*/ 997637 h 1404037"/>
              <a:gd name="connsiteX108" fmla="*/ 51199 w 1703196"/>
              <a:gd name="connsiteY108" fmla="*/ 1016687 h 1404037"/>
              <a:gd name="connsiteX109" fmla="*/ 44849 w 1703196"/>
              <a:gd name="connsiteY109" fmla="*/ 997637 h 1404037"/>
              <a:gd name="connsiteX110" fmla="*/ 25799 w 1703196"/>
              <a:gd name="connsiteY110" fmla="*/ 991287 h 1404037"/>
              <a:gd name="connsiteX111" fmla="*/ 6749 w 1703196"/>
              <a:gd name="connsiteY111" fmla="*/ 972237 h 1404037"/>
              <a:gd name="connsiteX112" fmla="*/ 13099 w 1703196"/>
              <a:gd name="connsiteY112" fmla="*/ 934137 h 1404037"/>
              <a:gd name="connsiteX113" fmla="*/ 38499 w 1703196"/>
              <a:gd name="connsiteY113" fmla="*/ 876987 h 1404037"/>
              <a:gd name="connsiteX114" fmla="*/ 57549 w 1703196"/>
              <a:gd name="connsiteY114" fmla="*/ 813487 h 1404037"/>
              <a:gd name="connsiteX115" fmla="*/ 70249 w 1703196"/>
              <a:gd name="connsiteY115" fmla="*/ 775387 h 1404037"/>
              <a:gd name="connsiteX116" fmla="*/ 76599 w 1703196"/>
              <a:gd name="connsiteY116" fmla="*/ 756337 h 1404037"/>
              <a:gd name="connsiteX117" fmla="*/ 82949 w 1703196"/>
              <a:gd name="connsiteY117" fmla="*/ 730937 h 1404037"/>
              <a:gd name="connsiteX118" fmla="*/ 101999 w 1703196"/>
              <a:gd name="connsiteY118" fmla="*/ 724587 h 1404037"/>
              <a:gd name="connsiteX119" fmla="*/ 108349 w 1703196"/>
              <a:gd name="connsiteY119" fmla="*/ 743637 h 1404037"/>
              <a:gd name="connsiteX120" fmla="*/ 152799 w 1703196"/>
              <a:gd name="connsiteY120" fmla="*/ 730937 h 1404037"/>
              <a:gd name="connsiteX121" fmla="*/ 180580 w 1703196"/>
              <a:gd name="connsiteY121" fmla="*/ 706331 h 1404037"/>
              <a:gd name="connsiteX122" fmla="*/ 241699 w 1703196"/>
              <a:gd name="connsiteY122" fmla="*/ 667437 h 1404037"/>
              <a:gd name="connsiteX123" fmla="*/ 248049 w 1703196"/>
              <a:gd name="connsiteY123" fmla="*/ 622987 h 1404037"/>
              <a:gd name="connsiteX124" fmla="*/ 260749 w 1703196"/>
              <a:gd name="connsiteY124" fmla="*/ 597587 h 1404037"/>
              <a:gd name="connsiteX125" fmla="*/ 254399 w 1703196"/>
              <a:gd name="connsiteY125" fmla="*/ 578537 h 1404037"/>
              <a:gd name="connsiteX126" fmla="*/ 238524 w 1703196"/>
              <a:gd name="connsiteY126" fmla="*/ 539643 h 1404037"/>
              <a:gd name="connsiteX127" fmla="*/ 241699 w 1703196"/>
              <a:gd name="connsiteY127" fmla="*/ 502337 h 1404037"/>
              <a:gd name="connsiteX128" fmla="*/ 217886 w 1703196"/>
              <a:gd name="connsiteY128" fmla="*/ 472968 h 1404037"/>
              <a:gd name="connsiteX129" fmla="*/ 260749 w 1703196"/>
              <a:gd name="connsiteY129" fmla="*/ 432487 h 1404037"/>
              <a:gd name="connsiteX130" fmla="*/ 267099 w 1703196"/>
              <a:gd name="connsiteY130" fmla="*/ 413437 h 1404037"/>
              <a:gd name="connsiteX131" fmla="*/ 286149 w 1703196"/>
              <a:gd name="connsiteY131" fmla="*/ 407087 h 1404037"/>
              <a:gd name="connsiteX132" fmla="*/ 298849 w 1703196"/>
              <a:gd name="connsiteY132" fmla="*/ 368987 h 1404037"/>
              <a:gd name="connsiteX133" fmla="*/ 303611 w 1703196"/>
              <a:gd name="connsiteY133" fmla="*/ 349144 h 1404037"/>
              <a:gd name="connsiteX134" fmla="*/ 355999 w 1703196"/>
              <a:gd name="connsiteY134" fmla="*/ 356287 h 1404037"/>
              <a:gd name="connsiteX135" fmla="*/ 394099 w 1703196"/>
              <a:gd name="connsiteY135" fmla="*/ 349937 h 1404037"/>
              <a:gd name="connsiteX136" fmla="*/ 397274 w 1703196"/>
              <a:gd name="connsiteY136" fmla="*/ 301518 h 1404037"/>
              <a:gd name="connsiteX137" fmla="*/ 413149 w 1703196"/>
              <a:gd name="connsiteY137" fmla="*/ 280087 h 1404037"/>
              <a:gd name="connsiteX138" fmla="*/ 419499 w 1703196"/>
              <a:gd name="connsiteY138" fmla="*/ 267387 h 1404037"/>
              <a:gd name="connsiteX139" fmla="*/ 425849 w 1703196"/>
              <a:gd name="connsiteY139" fmla="*/ 241987 h 1404037"/>
              <a:gd name="connsiteX140" fmla="*/ 430611 w 1703196"/>
              <a:gd name="connsiteY140" fmla="*/ 221349 h 1404037"/>
              <a:gd name="connsiteX141" fmla="*/ 452043 w 1703196"/>
              <a:gd name="connsiteY141" fmla="*/ 207856 h 1404037"/>
              <a:gd name="connsiteX142" fmla="*/ 487761 w 1703196"/>
              <a:gd name="connsiteY142" fmla="*/ 197537 h 1404037"/>
              <a:gd name="connsiteX143" fmla="*/ 501255 w 1703196"/>
              <a:gd name="connsiteY143" fmla="*/ 171343 h 1404037"/>
              <a:gd name="connsiteX144" fmla="*/ 546499 w 1703196"/>
              <a:gd name="connsiteY144" fmla="*/ 184837 h 1404037"/>
              <a:gd name="connsiteX145" fmla="*/ 597299 w 1703196"/>
              <a:gd name="connsiteY145" fmla="*/ 172137 h 1404037"/>
              <a:gd name="connsiteX146" fmla="*/ 609999 w 1703196"/>
              <a:gd name="connsiteY146" fmla="*/ 146737 h 1404037"/>
              <a:gd name="connsiteX147" fmla="*/ 635399 w 1703196"/>
              <a:gd name="connsiteY147" fmla="*/ 64187 h 1404037"/>
              <a:gd name="connsiteX148" fmla="*/ 692549 w 1703196"/>
              <a:gd name="connsiteY148" fmla="*/ 70537 h 1404037"/>
              <a:gd name="connsiteX149" fmla="*/ 705249 w 1703196"/>
              <a:gd name="connsiteY149" fmla="*/ 51487 h 1404037"/>
              <a:gd name="connsiteX150" fmla="*/ 774306 w 1703196"/>
              <a:gd name="connsiteY150" fmla="*/ 56249 h 1404037"/>
              <a:gd name="connsiteX151" fmla="*/ 863999 w 1703196"/>
              <a:gd name="connsiteY151" fmla="*/ 45137 h 1404037"/>
              <a:gd name="connsiteX152" fmla="*/ 914799 w 1703196"/>
              <a:gd name="connsiteY152" fmla="*/ 38787 h 1404037"/>
              <a:gd name="connsiteX153" fmla="*/ 933849 w 1703196"/>
              <a:gd name="connsiteY153" fmla="*/ 26087 h 1404037"/>
              <a:gd name="connsiteX154" fmla="*/ 959249 w 1703196"/>
              <a:gd name="connsiteY154" fmla="*/ 13387 h 1404037"/>
              <a:gd name="connsiteX155" fmla="*/ 940199 w 1703196"/>
              <a:gd name="connsiteY155" fmla="*/ 13387 h 140403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  <a:cxn ang="0">
                <a:pos x="connsiteX69" y="connsiteY69"/>
              </a:cxn>
              <a:cxn ang="0">
                <a:pos x="connsiteX70" y="connsiteY70"/>
              </a:cxn>
              <a:cxn ang="0">
                <a:pos x="connsiteX71" y="connsiteY71"/>
              </a:cxn>
              <a:cxn ang="0">
                <a:pos x="connsiteX72" y="connsiteY72"/>
              </a:cxn>
              <a:cxn ang="0">
                <a:pos x="connsiteX73" y="connsiteY73"/>
              </a:cxn>
              <a:cxn ang="0">
                <a:pos x="connsiteX74" y="connsiteY74"/>
              </a:cxn>
              <a:cxn ang="0">
                <a:pos x="connsiteX75" y="connsiteY75"/>
              </a:cxn>
              <a:cxn ang="0">
                <a:pos x="connsiteX76" y="connsiteY76"/>
              </a:cxn>
              <a:cxn ang="0">
                <a:pos x="connsiteX77" y="connsiteY77"/>
              </a:cxn>
              <a:cxn ang="0">
                <a:pos x="connsiteX78" y="connsiteY78"/>
              </a:cxn>
              <a:cxn ang="0">
                <a:pos x="connsiteX79" y="connsiteY79"/>
              </a:cxn>
              <a:cxn ang="0">
                <a:pos x="connsiteX80" y="connsiteY80"/>
              </a:cxn>
              <a:cxn ang="0">
                <a:pos x="connsiteX81" y="connsiteY81"/>
              </a:cxn>
              <a:cxn ang="0">
                <a:pos x="connsiteX82" y="connsiteY82"/>
              </a:cxn>
              <a:cxn ang="0">
                <a:pos x="connsiteX83" y="connsiteY83"/>
              </a:cxn>
              <a:cxn ang="0">
                <a:pos x="connsiteX84" y="connsiteY84"/>
              </a:cxn>
              <a:cxn ang="0">
                <a:pos x="connsiteX85" y="connsiteY85"/>
              </a:cxn>
              <a:cxn ang="0">
                <a:pos x="connsiteX86" y="connsiteY86"/>
              </a:cxn>
              <a:cxn ang="0">
                <a:pos x="connsiteX87" y="connsiteY87"/>
              </a:cxn>
              <a:cxn ang="0">
                <a:pos x="connsiteX88" y="connsiteY88"/>
              </a:cxn>
              <a:cxn ang="0">
                <a:pos x="connsiteX89" y="connsiteY89"/>
              </a:cxn>
              <a:cxn ang="0">
                <a:pos x="connsiteX90" y="connsiteY90"/>
              </a:cxn>
              <a:cxn ang="0">
                <a:pos x="connsiteX91" y="connsiteY91"/>
              </a:cxn>
              <a:cxn ang="0">
                <a:pos x="connsiteX92" y="connsiteY92"/>
              </a:cxn>
              <a:cxn ang="0">
                <a:pos x="connsiteX93" y="connsiteY93"/>
              </a:cxn>
              <a:cxn ang="0">
                <a:pos x="connsiteX94" y="connsiteY94"/>
              </a:cxn>
              <a:cxn ang="0">
                <a:pos x="connsiteX95" y="connsiteY95"/>
              </a:cxn>
              <a:cxn ang="0">
                <a:pos x="connsiteX96" y="connsiteY96"/>
              </a:cxn>
              <a:cxn ang="0">
                <a:pos x="connsiteX97" y="connsiteY97"/>
              </a:cxn>
              <a:cxn ang="0">
                <a:pos x="connsiteX98" y="connsiteY98"/>
              </a:cxn>
              <a:cxn ang="0">
                <a:pos x="connsiteX99" y="connsiteY99"/>
              </a:cxn>
              <a:cxn ang="0">
                <a:pos x="connsiteX100" y="connsiteY100"/>
              </a:cxn>
              <a:cxn ang="0">
                <a:pos x="connsiteX101" y="connsiteY101"/>
              </a:cxn>
              <a:cxn ang="0">
                <a:pos x="connsiteX102" y="connsiteY102"/>
              </a:cxn>
              <a:cxn ang="0">
                <a:pos x="connsiteX103" y="connsiteY103"/>
              </a:cxn>
              <a:cxn ang="0">
                <a:pos x="connsiteX104" y="connsiteY104"/>
              </a:cxn>
              <a:cxn ang="0">
                <a:pos x="connsiteX105" y="connsiteY105"/>
              </a:cxn>
              <a:cxn ang="0">
                <a:pos x="connsiteX106" y="connsiteY106"/>
              </a:cxn>
              <a:cxn ang="0">
                <a:pos x="connsiteX107" y="connsiteY107"/>
              </a:cxn>
              <a:cxn ang="0">
                <a:pos x="connsiteX108" y="connsiteY108"/>
              </a:cxn>
              <a:cxn ang="0">
                <a:pos x="connsiteX109" y="connsiteY109"/>
              </a:cxn>
              <a:cxn ang="0">
                <a:pos x="connsiteX110" y="connsiteY110"/>
              </a:cxn>
              <a:cxn ang="0">
                <a:pos x="connsiteX111" y="connsiteY111"/>
              </a:cxn>
              <a:cxn ang="0">
                <a:pos x="connsiteX112" y="connsiteY112"/>
              </a:cxn>
              <a:cxn ang="0">
                <a:pos x="connsiteX113" y="connsiteY113"/>
              </a:cxn>
              <a:cxn ang="0">
                <a:pos x="connsiteX114" y="connsiteY114"/>
              </a:cxn>
              <a:cxn ang="0">
                <a:pos x="connsiteX115" y="connsiteY115"/>
              </a:cxn>
              <a:cxn ang="0">
                <a:pos x="connsiteX116" y="connsiteY116"/>
              </a:cxn>
              <a:cxn ang="0">
                <a:pos x="connsiteX117" y="connsiteY117"/>
              </a:cxn>
              <a:cxn ang="0">
                <a:pos x="connsiteX118" y="connsiteY118"/>
              </a:cxn>
              <a:cxn ang="0">
                <a:pos x="connsiteX119" y="connsiteY119"/>
              </a:cxn>
              <a:cxn ang="0">
                <a:pos x="connsiteX120" y="connsiteY120"/>
              </a:cxn>
              <a:cxn ang="0">
                <a:pos x="connsiteX121" y="connsiteY121"/>
              </a:cxn>
              <a:cxn ang="0">
                <a:pos x="connsiteX122" y="connsiteY122"/>
              </a:cxn>
              <a:cxn ang="0">
                <a:pos x="connsiteX123" y="connsiteY123"/>
              </a:cxn>
              <a:cxn ang="0">
                <a:pos x="connsiteX124" y="connsiteY124"/>
              </a:cxn>
              <a:cxn ang="0">
                <a:pos x="connsiteX125" y="connsiteY125"/>
              </a:cxn>
              <a:cxn ang="0">
                <a:pos x="connsiteX126" y="connsiteY126"/>
              </a:cxn>
              <a:cxn ang="0">
                <a:pos x="connsiteX127" y="connsiteY127"/>
              </a:cxn>
              <a:cxn ang="0">
                <a:pos x="connsiteX128" y="connsiteY128"/>
              </a:cxn>
              <a:cxn ang="0">
                <a:pos x="connsiteX129" y="connsiteY129"/>
              </a:cxn>
              <a:cxn ang="0">
                <a:pos x="connsiteX130" y="connsiteY130"/>
              </a:cxn>
              <a:cxn ang="0">
                <a:pos x="connsiteX131" y="connsiteY131"/>
              </a:cxn>
              <a:cxn ang="0">
                <a:pos x="connsiteX132" y="connsiteY132"/>
              </a:cxn>
              <a:cxn ang="0">
                <a:pos x="connsiteX133" y="connsiteY133"/>
              </a:cxn>
              <a:cxn ang="0">
                <a:pos x="connsiteX134" y="connsiteY134"/>
              </a:cxn>
              <a:cxn ang="0">
                <a:pos x="connsiteX135" y="connsiteY135"/>
              </a:cxn>
              <a:cxn ang="0">
                <a:pos x="connsiteX136" y="connsiteY136"/>
              </a:cxn>
              <a:cxn ang="0">
                <a:pos x="connsiteX137" y="connsiteY137"/>
              </a:cxn>
              <a:cxn ang="0">
                <a:pos x="connsiteX138" y="connsiteY138"/>
              </a:cxn>
              <a:cxn ang="0">
                <a:pos x="connsiteX139" y="connsiteY139"/>
              </a:cxn>
              <a:cxn ang="0">
                <a:pos x="connsiteX140" y="connsiteY140"/>
              </a:cxn>
              <a:cxn ang="0">
                <a:pos x="connsiteX141" y="connsiteY141"/>
              </a:cxn>
              <a:cxn ang="0">
                <a:pos x="connsiteX142" y="connsiteY142"/>
              </a:cxn>
              <a:cxn ang="0">
                <a:pos x="connsiteX143" y="connsiteY143"/>
              </a:cxn>
              <a:cxn ang="0">
                <a:pos x="connsiteX144" y="connsiteY144"/>
              </a:cxn>
              <a:cxn ang="0">
                <a:pos x="connsiteX145" y="connsiteY145"/>
              </a:cxn>
              <a:cxn ang="0">
                <a:pos x="connsiteX146" y="connsiteY146"/>
              </a:cxn>
              <a:cxn ang="0">
                <a:pos x="connsiteX147" y="connsiteY147"/>
              </a:cxn>
              <a:cxn ang="0">
                <a:pos x="connsiteX148" y="connsiteY148"/>
              </a:cxn>
              <a:cxn ang="0">
                <a:pos x="connsiteX149" y="connsiteY149"/>
              </a:cxn>
              <a:cxn ang="0">
                <a:pos x="connsiteX150" y="connsiteY150"/>
              </a:cxn>
              <a:cxn ang="0">
                <a:pos x="connsiteX151" y="connsiteY151"/>
              </a:cxn>
              <a:cxn ang="0">
                <a:pos x="connsiteX152" y="connsiteY152"/>
              </a:cxn>
              <a:cxn ang="0">
                <a:pos x="connsiteX153" y="connsiteY153"/>
              </a:cxn>
              <a:cxn ang="0">
                <a:pos x="connsiteX154" y="connsiteY154"/>
              </a:cxn>
              <a:cxn ang="0">
                <a:pos x="connsiteX155" y="connsiteY155"/>
              </a:cxn>
            </a:cxnLst>
            <a:rect l="l" t="t" r="r" b="b"/>
            <a:pathLst>
              <a:path w="1703196" h="1404037">
                <a:moveTo>
                  <a:pt x="940199" y="13387"/>
                </a:moveTo>
                <a:cubicBezTo>
                  <a:pt x="942316" y="12329"/>
                  <a:pt x="947078" y="9154"/>
                  <a:pt x="971949" y="7037"/>
                </a:cubicBezTo>
                <a:cubicBezTo>
                  <a:pt x="996820" y="4920"/>
                  <a:pt x="1059262" y="-2223"/>
                  <a:pt x="1089424" y="687"/>
                </a:cubicBezTo>
                <a:cubicBezTo>
                  <a:pt x="1119587" y="3598"/>
                  <a:pt x="1120645" y="17092"/>
                  <a:pt x="1152924" y="24500"/>
                </a:cubicBezTo>
                <a:cubicBezTo>
                  <a:pt x="1185203" y="31908"/>
                  <a:pt x="1236532" y="43020"/>
                  <a:pt x="1283099" y="45137"/>
                </a:cubicBezTo>
                <a:cubicBezTo>
                  <a:pt x="1291566" y="47254"/>
                  <a:pt x="1300477" y="48049"/>
                  <a:pt x="1308499" y="51487"/>
                </a:cubicBezTo>
                <a:cubicBezTo>
                  <a:pt x="1369893" y="77799"/>
                  <a:pt x="1280027" y="52307"/>
                  <a:pt x="1352949" y="70537"/>
                </a:cubicBezTo>
                <a:cubicBezTo>
                  <a:pt x="1386816" y="66304"/>
                  <a:pt x="1420836" y="63160"/>
                  <a:pt x="1454549" y="57837"/>
                </a:cubicBezTo>
                <a:cubicBezTo>
                  <a:pt x="1461161" y="56793"/>
                  <a:pt x="1460899" y="53207"/>
                  <a:pt x="1473599" y="51487"/>
                </a:cubicBezTo>
                <a:cubicBezTo>
                  <a:pt x="1486299" y="49767"/>
                  <a:pt x="1505349" y="43285"/>
                  <a:pt x="1530749" y="47518"/>
                </a:cubicBezTo>
                <a:cubicBezTo>
                  <a:pt x="1527696" y="62783"/>
                  <a:pt x="1556943" y="100303"/>
                  <a:pt x="1575993" y="118956"/>
                </a:cubicBezTo>
                <a:cubicBezTo>
                  <a:pt x="1595043" y="137609"/>
                  <a:pt x="1628116" y="147795"/>
                  <a:pt x="1645049" y="159437"/>
                </a:cubicBezTo>
                <a:cubicBezTo>
                  <a:pt x="1647166" y="170020"/>
                  <a:pt x="1648781" y="180716"/>
                  <a:pt x="1651399" y="191187"/>
                </a:cubicBezTo>
                <a:cubicBezTo>
                  <a:pt x="1660467" y="227458"/>
                  <a:pt x="1656181" y="192085"/>
                  <a:pt x="1664099" y="235637"/>
                </a:cubicBezTo>
                <a:cubicBezTo>
                  <a:pt x="1666776" y="250363"/>
                  <a:pt x="1667514" y="265411"/>
                  <a:pt x="1670449" y="280087"/>
                </a:cubicBezTo>
                <a:cubicBezTo>
                  <a:pt x="1671762" y="286651"/>
                  <a:pt x="1672066" y="294404"/>
                  <a:pt x="1676799" y="299137"/>
                </a:cubicBezTo>
                <a:cubicBezTo>
                  <a:pt x="1681532" y="303870"/>
                  <a:pt x="1689499" y="303370"/>
                  <a:pt x="1695849" y="305487"/>
                </a:cubicBezTo>
                <a:cubicBezTo>
                  <a:pt x="1699217" y="315591"/>
                  <a:pt x="1713643" y="343901"/>
                  <a:pt x="1689499" y="349937"/>
                </a:cubicBezTo>
                <a:cubicBezTo>
                  <a:pt x="1676512" y="353184"/>
                  <a:pt x="1651399" y="337237"/>
                  <a:pt x="1651399" y="337237"/>
                </a:cubicBezTo>
                <a:cubicBezTo>
                  <a:pt x="1640598" y="304833"/>
                  <a:pt x="1651944" y="319940"/>
                  <a:pt x="1625999" y="337237"/>
                </a:cubicBezTo>
                <a:cubicBezTo>
                  <a:pt x="1620430" y="340950"/>
                  <a:pt x="1613299" y="341470"/>
                  <a:pt x="1606949" y="343587"/>
                </a:cubicBezTo>
                <a:cubicBezTo>
                  <a:pt x="1602716" y="349937"/>
                  <a:pt x="1601733" y="361140"/>
                  <a:pt x="1594249" y="362637"/>
                </a:cubicBezTo>
                <a:cubicBezTo>
                  <a:pt x="1586765" y="364134"/>
                  <a:pt x="1576654" y="337899"/>
                  <a:pt x="1575199" y="349937"/>
                </a:cubicBezTo>
                <a:cubicBezTo>
                  <a:pt x="1573744" y="361976"/>
                  <a:pt x="1608147" y="369776"/>
                  <a:pt x="1585518" y="434868"/>
                </a:cubicBezTo>
                <a:cubicBezTo>
                  <a:pt x="1581285" y="441218"/>
                  <a:pt x="1566071" y="419655"/>
                  <a:pt x="1553768" y="427725"/>
                </a:cubicBezTo>
                <a:cubicBezTo>
                  <a:pt x="1541465" y="435795"/>
                  <a:pt x="1526780" y="477863"/>
                  <a:pt x="1511699" y="483287"/>
                </a:cubicBezTo>
                <a:cubicBezTo>
                  <a:pt x="1496618" y="488711"/>
                  <a:pt x="1477038" y="458151"/>
                  <a:pt x="1463280" y="460268"/>
                </a:cubicBezTo>
                <a:cubicBezTo>
                  <a:pt x="1449522" y="462385"/>
                  <a:pt x="1438012" y="487917"/>
                  <a:pt x="1429149" y="495987"/>
                </a:cubicBezTo>
                <a:cubicBezTo>
                  <a:pt x="1420286" y="504057"/>
                  <a:pt x="1416449" y="504454"/>
                  <a:pt x="1410099" y="508687"/>
                </a:cubicBezTo>
                <a:cubicBezTo>
                  <a:pt x="1405866" y="515037"/>
                  <a:pt x="1398654" y="520209"/>
                  <a:pt x="1397399" y="527737"/>
                </a:cubicBezTo>
                <a:cubicBezTo>
                  <a:pt x="1396299" y="534339"/>
                  <a:pt x="1407765" y="541432"/>
                  <a:pt x="1403749" y="546787"/>
                </a:cubicBezTo>
                <a:cubicBezTo>
                  <a:pt x="1398513" y="553769"/>
                  <a:pt x="1386740" y="550739"/>
                  <a:pt x="1378349" y="553137"/>
                </a:cubicBezTo>
                <a:cubicBezTo>
                  <a:pt x="1371913" y="554976"/>
                  <a:pt x="1365649" y="557370"/>
                  <a:pt x="1359299" y="559487"/>
                </a:cubicBezTo>
                <a:cubicBezTo>
                  <a:pt x="1344366" y="581886"/>
                  <a:pt x="1352541" y="578071"/>
                  <a:pt x="1327549" y="584887"/>
                </a:cubicBezTo>
                <a:cubicBezTo>
                  <a:pt x="1310710" y="589480"/>
                  <a:pt x="1276749" y="597587"/>
                  <a:pt x="1276749" y="597587"/>
                </a:cubicBezTo>
                <a:cubicBezTo>
                  <a:pt x="1272516" y="603937"/>
                  <a:pt x="1265128" y="609082"/>
                  <a:pt x="1264049" y="616637"/>
                </a:cubicBezTo>
                <a:cubicBezTo>
                  <a:pt x="1262815" y="625277"/>
                  <a:pt x="1268001" y="633646"/>
                  <a:pt x="1270399" y="642037"/>
                </a:cubicBezTo>
                <a:cubicBezTo>
                  <a:pt x="1276628" y="663838"/>
                  <a:pt x="1278160" y="663909"/>
                  <a:pt x="1289449" y="686487"/>
                </a:cubicBezTo>
                <a:cubicBezTo>
                  <a:pt x="1287332" y="756337"/>
                  <a:pt x="1308499" y="826155"/>
                  <a:pt x="1308499" y="896037"/>
                </a:cubicBezTo>
                <a:cubicBezTo>
                  <a:pt x="1308499" y="928975"/>
                  <a:pt x="1295799" y="996579"/>
                  <a:pt x="1295799" y="1023037"/>
                </a:cubicBezTo>
                <a:cubicBezTo>
                  <a:pt x="1295799" y="1049495"/>
                  <a:pt x="1303041" y="1044780"/>
                  <a:pt x="1308499" y="1054787"/>
                </a:cubicBezTo>
                <a:cubicBezTo>
                  <a:pt x="1315808" y="1068187"/>
                  <a:pt x="1329072" y="1078407"/>
                  <a:pt x="1333899" y="1092887"/>
                </a:cubicBezTo>
                <a:cubicBezTo>
                  <a:pt x="1348791" y="1137563"/>
                  <a:pt x="1329409" y="1082410"/>
                  <a:pt x="1352949" y="1137337"/>
                </a:cubicBezTo>
                <a:cubicBezTo>
                  <a:pt x="1354570" y="1141120"/>
                  <a:pt x="1367439" y="1180594"/>
                  <a:pt x="1365649" y="1181787"/>
                </a:cubicBezTo>
                <a:cubicBezTo>
                  <a:pt x="1357773" y="1187038"/>
                  <a:pt x="1349229" y="1172080"/>
                  <a:pt x="1340249" y="1169087"/>
                </a:cubicBezTo>
                <a:cubicBezTo>
                  <a:pt x="1330010" y="1165674"/>
                  <a:pt x="1319118" y="1164668"/>
                  <a:pt x="1308499" y="1162737"/>
                </a:cubicBezTo>
                <a:cubicBezTo>
                  <a:pt x="1219131" y="1146488"/>
                  <a:pt x="1317076" y="1165722"/>
                  <a:pt x="1238649" y="1150037"/>
                </a:cubicBezTo>
                <a:cubicBezTo>
                  <a:pt x="1230182" y="1143687"/>
                  <a:pt x="1223832" y="1130987"/>
                  <a:pt x="1213249" y="1130987"/>
                </a:cubicBezTo>
                <a:cubicBezTo>
                  <a:pt x="1206556" y="1130987"/>
                  <a:pt x="1220338" y="1143384"/>
                  <a:pt x="1219599" y="1150037"/>
                </a:cubicBezTo>
                <a:cubicBezTo>
                  <a:pt x="1216576" y="1177241"/>
                  <a:pt x="1207432" y="1187337"/>
                  <a:pt x="1194199" y="1207187"/>
                </a:cubicBezTo>
                <a:cubicBezTo>
                  <a:pt x="1175969" y="1280109"/>
                  <a:pt x="1191778" y="1190243"/>
                  <a:pt x="1200549" y="1251637"/>
                </a:cubicBezTo>
                <a:cubicBezTo>
                  <a:pt x="1201783" y="1260277"/>
                  <a:pt x="1196161" y="1268533"/>
                  <a:pt x="1194199" y="1277037"/>
                </a:cubicBezTo>
                <a:cubicBezTo>
                  <a:pt x="1178278" y="1346028"/>
                  <a:pt x="1188277" y="1313853"/>
                  <a:pt x="1175149" y="1353237"/>
                </a:cubicBezTo>
                <a:cubicBezTo>
                  <a:pt x="1179382" y="1359587"/>
                  <a:pt x="1189700" y="1364883"/>
                  <a:pt x="1187849" y="1372287"/>
                </a:cubicBezTo>
                <a:cubicBezTo>
                  <a:pt x="1186226" y="1378781"/>
                  <a:pt x="1174786" y="1375644"/>
                  <a:pt x="1168799" y="1378637"/>
                </a:cubicBezTo>
                <a:cubicBezTo>
                  <a:pt x="1111227" y="1407423"/>
                  <a:pt x="1215389" y="1378209"/>
                  <a:pt x="1086249" y="1404037"/>
                </a:cubicBezTo>
                <a:lnTo>
                  <a:pt x="1041799" y="1391337"/>
                </a:lnTo>
                <a:cubicBezTo>
                  <a:pt x="1035388" y="1389414"/>
                  <a:pt x="1028901" y="1387624"/>
                  <a:pt x="1022749" y="1384987"/>
                </a:cubicBezTo>
                <a:cubicBezTo>
                  <a:pt x="1014048" y="1381258"/>
                  <a:pt x="1005816" y="1376520"/>
                  <a:pt x="997349" y="1372287"/>
                </a:cubicBezTo>
                <a:cubicBezTo>
                  <a:pt x="995232" y="1365937"/>
                  <a:pt x="996568" y="1356950"/>
                  <a:pt x="990999" y="1353237"/>
                </a:cubicBezTo>
                <a:cubicBezTo>
                  <a:pt x="982019" y="1347250"/>
                  <a:pt x="969355" y="1350677"/>
                  <a:pt x="959249" y="1346887"/>
                </a:cubicBezTo>
                <a:cubicBezTo>
                  <a:pt x="952103" y="1344207"/>
                  <a:pt x="946549" y="1338420"/>
                  <a:pt x="940199" y="1334187"/>
                </a:cubicBezTo>
                <a:cubicBezTo>
                  <a:pt x="935966" y="1327837"/>
                  <a:pt x="933458" y="1319905"/>
                  <a:pt x="927499" y="1315137"/>
                </a:cubicBezTo>
                <a:cubicBezTo>
                  <a:pt x="922272" y="1310956"/>
                  <a:pt x="914601" y="1311424"/>
                  <a:pt x="908449" y="1308787"/>
                </a:cubicBezTo>
                <a:cubicBezTo>
                  <a:pt x="899748" y="1305058"/>
                  <a:pt x="891516" y="1300320"/>
                  <a:pt x="883049" y="1296087"/>
                </a:cubicBezTo>
                <a:cubicBezTo>
                  <a:pt x="880932" y="1289737"/>
                  <a:pt x="880880" y="1282264"/>
                  <a:pt x="876699" y="1277037"/>
                </a:cubicBezTo>
                <a:cubicBezTo>
                  <a:pt x="867747" y="1265846"/>
                  <a:pt x="851148" y="1262170"/>
                  <a:pt x="838599" y="1257987"/>
                </a:cubicBezTo>
                <a:cubicBezTo>
                  <a:pt x="832249" y="1253754"/>
                  <a:pt x="823594" y="1238815"/>
                  <a:pt x="819549" y="1245287"/>
                </a:cubicBezTo>
                <a:cubicBezTo>
                  <a:pt x="815946" y="1251052"/>
                  <a:pt x="815077" y="1313885"/>
                  <a:pt x="794149" y="1327837"/>
                </a:cubicBezTo>
                <a:cubicBezTo>
                  <a:pt x="786887" y="1332678"/>
                  <a:pt x="776921" y="1331123"/>
                  <a:pt x="768749" y="1334187"/>
                </a:cubicBezTo>
                <a:cubicBezTo>
                  <a:pt x="759886" y="1337511"/>
                  <a:pt x="752138" y="1343371"/>
                  <a:pt x="743349" y="1346887"/>
                </a:cubicBezTo>
                <a:cubicBezTo>
                  <a:pt x="730920" y="1351859"/>
                  <a:pt x="705249" y="1359587"/>
                  <a:pt x="705249" y="1359587"/>
                </a:cubicBezTo>
                <a:cubicBezTo>
                  <a:pt x="696782" y="1357470"/>
                  <a:pt x="687871" y="1356675"/>
                  <a:pt x="679849" y="1353237"/>
                </a:cubicBezTo>
                <a:cubicBezTo>
                  <a:pt x="672834" y="1350231"/>
                  <a:pt x="667625" y="1343950"/>
                  <a:pt x="660799" y="1340537"/>
                </a:cubicBezTo>
                <a:cubicBezTo>
                  <a:pt x="654812" y="1337544"/>
                  <a:pt x="648099" y="1336304"/>
                  <a:pt x="641749" y="1334187"/>
                </a:cubicBezTo>
                <a:cubicBezTo>
                  <a:pt x="639632" y="1327837"/>
                  <a:pt x="638392" y="1321124"/>
                  <a:pt x="635399" y="1315137"/>
                </a:cubicBezTo>
                <a:cubicBezTo>
                  <a:pt x="631986" y="1308311"/>
                  <a:pt x="623390" y="1303687"/>
                  <a:pt x="622699" y="1296087"/>
                </a:cubicBezTo>
                <a:cubicBezTo>
                  <a:pt x="620135" y="1267879"/>
                  <a:pt x="627475" y="1250010"/>
                  <a:pt x="635399" y="1226237"/>
                </a:cubicBezTo>
                <a:cubicBezTo>
                  <a:pt x="637516" y="1207187"/>
                  <a:pt x="641749" y="1188254"/>
                  <a:pt x="641749" y="1169087"/>
                </a:cubicBezTo>
                <a:cubicBezTo>
                  <a:pt x="641749" y="1139357"/>
                  <a:pt x="635737" y="1119638"/>
                  <a:pt x="629049" y="1092887"/>
                </a:cubicBezTo>
                <a:cubicBezTo>
                  <a:pt x="631166" y="1086537"/>
                  <a:pt x="633560" y="1080273"/>
                  <a:pt x="635399" y="1073837"/>
                </a:cubicBezTo>
                <a:cubicBezTo>
                  <a:pt x="637797" y="1065446"/>
                  <a:pt x="638311" y="1056459"/>
                  <a:pt x="641749" y="1048437"/>
                </a:cubicBezTo>
                <a:cubicBezTo>
                  <a:pt x="644755" y="1041422"/>
                  <a:pt x="650663" y="1036013"/>
                  <a:pt x="654449" y="1029387"/>
                </a:cubicBezTo>
                <a:cubicBezTo>
                  <a:pt x="659145" y="1021168"/>
                  <a:pt x="663825" y="1012850"/>
                  <a:pt x="667149" y="1003987"/>
                </a:cubicBezTo>
                <a:cubicBezTo>
                  <a:pt x="674050" y="985585"/>
                  <a:pt x="675858" y="958444"/>
                  <a:pt x="679849" y="940487"/>
                </a:cubicBezTo>
                <a:cubicBezTo>
                  <a:pt x="681301" y="933953"/>
                  <a:pt x="682018" y="926664"/>
                  <a:pt x="686199" y="921437"/>
                </a:cubicBezTo>
                <a:cubicBezTo>
                  <a:pt x="690967" y="915478"/>
                  <a:pt x="698899" y="912970"/>
                  <a:pt x="705249" y="908737"/>
                </a:cubicBezTo>
                <a:cubicBezTo>
                  <a:pt x="718196" y="869897"/>
                  <a:pt x="708689" y="841004"/>
                  <a:pt x="705249" y="819837"/>
                </a:cubicBezTo>
                <a:cubicBezTo>
                  <a:pt x="701809" y="798670"/>
                  <a:pt x="690287" y="785285"/>
                  <a:pt x="684611" y="781737"/>
                </a:cubicBezTo>
                <a:cubicBezTo>
                  <a:pt x="671544" y="773570"/>
                  <a:pt x="662651" y="788087"/>
                  <a:pt x="654449" y="788087"/>
                </a:cubicBezTo>
                <a:cubicBezTo>
                  <a:pt x="646247" y="788087"/>
                  <a:pt x="641749" y="783854"/>
                  <a:pt x="635399" y="781737"/>
                </a:cubicBezTo>
                <a:cubicBezTo>
                  <a:pt x="621544" y="740173"/>
                  <a:pt x="621111" y="769169"/>
                  <a:pt x="609999" y="756337"/>
                </a:cubicBezTo>
                <a:cubicBezTo>
                  <a:pt x="598887" y="743505"/>
                  <a:pt x="616607" y="720704"/>
                  <a:pt x="568724" y="704743"/>
                </a:cubicBezTo>
                <a:cubicBezTo>
                  <a:pt x="527370" y="677174"/>
                  <a:pt x="536974" y="729349"/>
                  <a:pt x="521099" y="724587"/>
                </a:cubicBezTo>
                <a:cubicBezTo>
                  <a:pt x="505224" y="719825"/>
                  <a:pt x="486174" y="680401"/>
                  <a:pt x="473474" y="676168"/>
                </a:cubicBezTo>
                <a:cubicBezTo>
                  <a:pt x="459275" y="671435"/>
                  <a:pt x="453366" y="707654"/>
                  <a:pt x="438549" y="705537"/>
                </a:cubicBezTo>
                <a:cubicBezTo>
                  <a:pt x="427966" y="707654"/>
                  <a:pt x="414922" y="704780"/>
                  <a:pt x="406799" y="711887"/>
                </a:cubicBezTo>
                <a:cubicBezTo>
                  <a:pt x="338973" y="771235"/>
                  <a:pt x="422801" y="738303"/>
                  <a:pt x="368699" y="756337"/>
                </a:cubicBezTo>
                <a:cubicBezTo>
                  <a:pt x="362349" y="760570"/>
                  <a:pt x="330069" y="760305"/>
                  <a:pt x="325836" y="766655"/>
                </a:cubicBezTo>
                <a:cubicBezTo>
                  <a:pt x="300777" y="804244"/>
                  <a:pt x="364683" y="787309"/>
                  <a:pt x="324249" y="800787"/>
                </a:cubicBezTo>
                <a:cubicBezTo>
                  <a:pt x="316576" y="812826"/>
                  <a:pt x="293557" y="830420"/>
                  <a:pt x="279799" y="838887"/>
                </a:cubicBezTo>
                <a:cubicBezTo>
                  <a:pt x="266041" y="847354"/>
                  <a:pt x="253473" y="844443"/>
                  <a:pt x="241699" y="851587"/>
                </a:cubicBezTo>
                <a:cubicBezTo>
                  <a:pt x="229925" y="858731"/>
                  <a:pt x="215849" y="868363"/>
                  <a:pt x="209156" y="881750"/>
                </a:cubicBezTo>
                <a:cubicBezTo>
                  <a:pt x="204423" y="891216"/>
                  <a:pt x="217225" y="906356"/>
                  <a:pt x="209949" y="915087"/>
                </a:cubicBezTo>
                <a:cubicBezTo>
                  <a:pt x="202673" y="923818"/>
                  <a:pt x="195217" y="926708"/>
                  <a:pt x="165499" y="934137"/>
                </a:cubicBezTo>
                <a:cubicBezTo>
                  <a:pt x="159149" y="938370"/>
                  <a:pt x="151028" y="940732"/>
                  <a:pt x="146449" y="946837"/>
                </a:cubicBezTo>
                <a:cubicBezTo>
                  <a:pt x="137930" y="958196"/>
                  <a:pt x="137439" y="974897"/>
                  <a:pt x="127399" y="984937"/>
                </a:cubicBezTo>
                <a:cubicBezTo>
                  <a:pt x="119339" y="992997"/>
                  <a:pt x="105844" y="992539"/>
                  <a:pt x="95649" y="997637"/>
                </a:cubicBezTo>
                <a:cubicBezTo>
                  <a:pt x="51796" y="1019563"/>
                  <a:pt x="104062" y="1003471"/>
                  <a:pt x="51199" y="1016687"/>
                </a:cubicBezTo>
                <a:cubicBezTo>
                  <a:pt x="49082" y="1010337"/>
                  <a:pt x="49582" y="1002370"/>
                  <a:pt x="44849" y="997637"/>
                </a:cubicBezTo>
                <a:cubicBezTo>
                  <a:pt x="40116" y="992904"/>
                  <a:pt x="31368" y="995000"/>
                  <a:pt x="25799" y="991287"/>
                </a:cubicBezTo>
                <a:cubicBezTo>
                  <a:pt x="18327" y="986306"/>
                  <a:pt x="13099" y="978587"/>
                  <a:pt x="6749" y="972237"/>
                </a:cubicBezTo>
                <a:cubicBezTo>
                  <a:pt x="-6181" y="933446"/>
                  <a:pt x="1437" y="973010"/>
                  <a:pt x="13099" y="934137"/>
                </a:cubicBezTo>
                <a:cubicBezTo>
                  <a:pt x="30744" y="875322"/>
                  <a:pt x="1787" y="901462"/>
                  <a:pt x="38499" y="876987"/>
                </a:cubicBezTo>
                <a:cubicBezTo>
                  <a:pt x="56037" y="824372"/>
                  <a:pt x="28471" y="907989"/>
                  <a:pt x="57549" y="813487"/>
                </a:cubicBezTo>
                <a:cubicBezTo>
                  <a:pt x="61486" y="800692"/>
                  <a:pt x="66016" y="788087"/>
                  <a:pt x="70249" y="775387"/>
                </a:cubicBezTo>
                <a:lnTo>
                  <a:pt x="76599" y="756337"/>
                </a:lnTo>
                <a:cubicBezTo>
                  <a:pt x="79359" y="748058"/>
                  <a:pt x="77497" y="737752"/>
                  <a:pt x="82949" y="730937"/>
                </a:cubicBezTo>
                <a:cubicBezTo>
                  <a:pt x="87130" y="725710"/>
                  <a:pt x="95649" y="726704"/>
                  <a:pt x="101999" y="724587"/>
                </a:cubicBezTo>
                <a:cubicBezTo>
                  <a:pt x="104116" y="730937"/>
                  <a:pt x="101707" y="742807"/>
                  <a:pt x="108349" y="743637"/>
                </a:cubicBezTo>
                <a:cubicBezTo>
                  <a:pt x="123640" y="745548"/>
                  <a:pt x="140760" y="737155"/>
                  <a:pt x="152799" y="730937"/>
                </a:cubicBezTo>
                <a:cubicBezTo>
                  <a:pt x="164838" y="724719"/>
                  <a:pt x="124931" y="720243"/>
                  <a:pt x="180580" y="706331"/>
                </a:cubicBezTo>
                <a:cubicBezTo>
                  <a:pt x="195397" y="695748"/>
                  <a:pt x="230454" y="681328"/>
                  <a:pt x="241699" y="667437"/>
                </a:cubicBezTo>
                <a:cubicBezTo>
                  <a:pt x="243816" y="652620"/>
                  <a:pt x="244111" y="637427"/>
                  <a:pt x="248049" y="622987"/>
                </a:cubicBezTo>
                <a:cubicBezTo>
                  <a:pt x="250540" y="613855"/>
                  <a:pt x="259410" y="606958"/>
                  <a:pt x="260749" y="597587"/>
                </a:cubicBezTo>
                <a:cubicBezTo>
                  <a:pt x="261696" y="590961"/>
                  <a:pt x="258103" y="588194"/>
                  <a:pt x="254399" y="578537"/>
                </a:cubicBezTo>
                <a:cubicBezTo>
                  <a:pt x="250695" y="568880"/>
                  <a:pt x="266819" y="549075"/>
                  <a:pt x="238524" y="539643"/>
                </a:cubicBezTo>
                <a:cubicBezTo>
                  <a:pt x="223064" y="493264"/>
                  <a:pt x="203312" y="511934"/>
                  <a:pt x="241699" y="502337"/>
                </a:cubicBezTo>
                <a:cubicBezTo>
                  <a:pt x="248049" y="498104"/>
                  <a:pt x="214473" y="479794"/>
                  <a:pt x="217886" y="472968"/>
                </a:cubicBezTo>
                <a:cubicBezTo>
                  <a:pt x="231297" y="446147"/>
                  <a:pt x="268072" y="454456"/>
                  <a:pt x="260749" y="432487"/>
                </a:cubicBezTo>
                <a:cubicBezTo>
                  <a:pt x="262866" y="426137"/>
                  <a:pt x="262366" y="418170"/>
                  <a:pt x="267099" y="413437"/>
                </a:cubicBezTo>
                <a:cubicBezTo>
                  <a:pt x="271832" y="408704"/>
                  <a:pt x="282258" y="412534"/>
                  <a:pt x="286149" y="407087"/>
                </a:cubicBezTo>
                <a:cubicBezTo>
                  <a:pt x="293930" y="396194"/>
                  <a:pt x="295939" y="378644"/>
                  <a:pt x="298849" y="368987"/>
                </a:cubicBezTo>
                <a:cubicBezTo>
                  <a:pt x="301759" y="359330"/>
                  <a:pt x="296918" y="349144"/>
                  <a:pt x="303611" y="349144"/>
                </a:cubicBezTo>
                <a:cubicBezTo>
                  <a:pt x="319572" y="349144"/>
                  <a:pt x="340918" y="356155"/>
                  <a:pt x="355999" y="356287"/>
                </a:cubicBezTo>
                <a:cubicBezTo>
                  <a:pt x="371080" y="356419"/>
                  <a:pt x="387749" y="352054"/>
                  <a:pt x="394099" y="349937"/>
                </a:cubicBezTo>
                <a:cubicBezTo>
                  <a:pt x="408614" y="306391"/>
                  <a:pt x="394099" y="313160"/>
                  <a:pt x="397274" y="301518"/>
                </a:cubicBezTo>
                <a:cubicBezTo>
                  <a:pt x="400449" y="289876"/>
                  <a:pt x="409445" y="285775"/>
                  <a:pt x="413149" y="280087"/>
                </a:cubicBezTo>
                <a:cubicBezTo>
                  <a:pt x="416853" y="274399"/>
                  <a:pt x="411032" y="271620"/>
                  <a:pt x="419499" y="267387"/>
                </a:cubicBezTo>
                <a:cubicBezTo>
                  <a:pt x="421616" y="258920"/>
                  <a:pt x="423997" y="249660"/>
                  <a:pt x="425849" y="241987"/>
                </a:cubicBezTo>
                <a:cubicBezTo>
                  <a:pt x="427701" y="234314"/>
                  <a:pt x="426245" y="227037"/>
                  <a:pt x="430611" y="221349"/>
                </a:cubicBezTo>
                <a:cubicBezTo>
                  <a:pt x="434977" y="215661"/>
                  <a:pt x="445693" y="209973"/>
                  <a:pt x="452043" y="207856"/>
                </a:cubicBezTo>
                <a:cubicBezTo>
                  <a:pt x="458393" y="203623"/>
                  <a:pt x="479559" y="203623"/>
                  <a:pt x="487761" y="197537"/>
                </a:cubicBezTo>
                <a:cubicBezTo>
                  <a:pt x="495963" y="191452"/>
                  <a:pt x="491465" y="173460"/>
                  <a:pt x="501255" y="171343"/>
                </a:cubicBezTo>
                <a:cubicBezTo>
                  <a:pt x="511045" y="169226"/>
                  <a:pt x="530492" y="184705"/>
                  <a:pt x="546499" y="184837"/>
                </a:cubicBezTo>
                <a:cubicBezTo>
                  <a:pt x="562506" y="184969"/>
                  <a:pt x="558985" y="179800"/>
                  <a:pt x="597299" y="172137"/>
                </a:cubicBezTo>
                <a:cubicBezTo>
                  <a:pt x="601532" y="163670"/>
                  <a:pt x="608443" y="156074"/>
                  <a:pt x="609999" y="146737"/>
                </a:cubicBezTo>
                <a:cubicBezTo>
                  <a:pt x="625449" y="54035"/>
                  <a:pt x="586222" y="47795"/>
                  <a:pt x="635399" y="64187"/>
                </a:cubicBezTo>
                <a:cubicBezTo>
                  <a:pt x="657434" y="78877"/>
                  <a:pt x="659958" y="86833"/>
                  <a:pt x="692549" y="70537"/>
                </a:cubicBezTo>
                <a:cubicBezTo>
                  <a:pt x="699375" y="67124"/>
                  <a:pt x="701016" y="57837"/>
                  <a:pt x="705249" y="51487"/>
                </a:cubicBezTo>
                <a:cubicBezTo>
                  <a:pt x="713430" y="56941"/>
                  <a:pt x="762433" y="57097"/>
                  <a:pt x="774306" y="56249"/>
                </a:cubicBezTo>
                <a:cubicBezTo>
                  <a:pt x="915349" y="46175"/>
                  <a:pt x="840584" y="48047"/>
                  <a:pt x="863999" y="45137"/>
                </a:cubicBezTo>
                <a:lnTo>
                  <a:pt x="914799" y="38787"/>
                </a:lnTo>
                <a:cubicBezTo>
                  <a:pt x="921149" y="34554"/>
                  <a:pt x="927223" y="29873"/>
                  <a:pt x="933849" y="26087"/>
                </a:cubicBezTo>
                <a:cubicBezTo>
                  <a:pt x="942068" y="21391"/>
                  <a:pt x="951857" y="19300"/>
                  <a:pt x="959249" y="13387"/>
                </a:cubicBezTo>
                <a:cubicBezTo>
                  <a:pt x="962945" y="10430"/>
                  <a:pt x="938082" y="14445"/>
                  <a:pt x="940199" y="13387"/>
                </a:cubicBezTo>
                <a:close/>
              </a:path>
            </a:pathLst>
          </a:custGeom>
          <a:solidFill>
            <a:srgbClr val="C00000">
              <a:alpha val="31000"/>
            </a:srgbClr>
          </a:solidFill>
          <a:ln w="317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 sz="1350" dirty="0"/>
          </a:p>
        </p:txBody>
      </p:sp>
      <p:pic>
        <p:nvPicPr>
          <p:cNvPr id="68626" name="Picture 6">
            <a:extLst>
              <a:ext uri="{FF2B5EF4-FFF2-40B4-BE49-F238E27FC236}">
                <a16:creationId xmlns:a16="http://schemas.microsoft.com/office/drawing/2014/main" id="{8329E9B4-451F-6015-CF59-3A5E0F40327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17282" y="2884885"/>
            <a:ext cx="2483644" cy="26467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3F3D9843-9092-9148-2EDE-5699545D2842}"/>
              </a:ext>
            </a:extLst>
          </p:cNvPr>
          <p:cNvSpPr txBox="1"/>
          <p:nvPr/>
        </p:nvSpPr>
        <p:spPr>
          <a:xfrm>
            <a:off x="4570811" y="2581275"/>
            <a:ext cx="3430190" cy="248209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eaLnBrk="1" hangingPunct="1">
              <a:defRPr/>
            </a:pPr>
            <a:r>
              <a:rPr lang="ja-JP" altLang="en-US" sz="1013" dirty="0">
                <a:solidFill>
                  <a:srgbClr val="000000"/>
                </a:solidFill>
                <a:ea typeface="HGPｺﾞｼｯｸE" panose="020B0900000000000000" pitchFamily="50" charset="-128"/>
              </a:rPr>
              <a:t>富山市のまちづくりの基本方針　～コンパクトなまちづくり～</a:t>
            </a:r>
          </a:p>
        </p:txBody>
      </p:sp>
      <p:sp>
        <p:nvSpPr>
          <p:cNvPr id="6" name="矢印: 右 5">
            <a:extLst>
              <a:ext uri="{FF2B5EF4-FFF2-40B4-BE49-F238E27FC236}">
                <a16:creationId xmlns:a16="http://schemas.microsoft.com/office/drawing/2014/main" id="{770610F5-7E38-3924-C365-F2CB9BBA7632}"/>
              </a:ext>
            </a:extLst>
          </p:cNvPr>
          <p:cNvSpPr/>
          <p:nvPr/>
        </p:nvSpPr>
        <p:spPr>
          <a:xfrm>
            <a:off x="4572001" y="3273030"/>
            <a:ext cx="550069" cy="515540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 sz="1350"/>
          </a:p>
        </p:txBody>
      </p:sp>
      <p:sp>
        <p:nvSpPr>
          <p:cNvPr id="68629" name="テキスト ボックス 3">
            <a:extLst>
              <a:ext uri="{FF2B5EF4-FFF2-40B4-BE49-F238E27FC236}">
                <a16:creationId xmlns:a16="http://schemas.microsoft.com/office/drawing/2014/main" id="{8409E723-0AA6-A24A-20F5-EEA753CDA53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70736" y="5624513"/>
            <a:ext cx="3430190" cy="27699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lang="ja-JP" altLang="en-US" sz="1200">
                <a:solidFill>
                  <a:srgbClr val="000000"/>
                </a:solidFill>
                <a:ea typeface="HGPｺﾞｼｯｸE" panose="020B0900000000000000" pitchFamily="50" charset="-128"/>
              </a:rPr>
              <a:t>コンパクトシティの取り組みをモデルに“群”の管理</a:t>
            </a:r>
          </a:p>
        </p:txBody>
      </p:sp>
    </p:spTree>
    <p:extLst>
      <p:ext uri="{BB962C8B-B14F-4D97-AF65-F5344CB8AC3E}">
        <p14:creationId xmlns:p14="http://schemas.microsoft.com/office/powerpoint/2010/main" val="1347679879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80" name="Oval 1028"/>
          <p:cNvSpPr>
            <a:spLocks noChangeArrowheads="1"/>
          </p:cNvSpPr>
          <p:nvPr/>
        </p:nvSpPr>
        <p:spPr bwMode="auto">
          <a:xfrm>
            <a:off x="1740198" y="1849951"/>
            <a:ext cx="4940734" cy="2965112"/>
          </a:xfrm>
          <a:prstGeom prst="ellipse">
            <a:avLst/>
          </a:prstGeom>
          <a:solidFill>
            <a:schemeClr val="accent6">
              <a:lumMod val="40000"/>
              <a:lumOff val="60000"/>
            </a:schemeClr>
          </a:solidFill>
          <a:ln w="57150">
            <a:solidFill>
              <a:schemeClr val="tx1"/>
            </a:solidFill>
            <a:round/>
            <a:headEnd/>
            <a:tailEnd/>
          </a:ln>
        </p:spPr>
        <p:txBody>
          <a:bodyPr wrap="none" anchor="ctr"/>
          <a:lstStyle>
            <a:lvl1pPr algn="l" eaLnBrk="0" hangingPunct="0">
              <a:spcBef>
                <a:spcPct val="20000"/>
              </a:spcBef>
              <a:buFont typeface="Arial" pitchFamily="34" charset="0"/>
              <a:buChar char="•"/>
              <a:defRPr kumimoji="1" sz="32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1pPr>
            <a:lvl2pPr marL="742950" indent="-285750" algn="l" eaLnBrk="0" hangingPunct="0">
              <a:spcBef>
                <a:spcPct val="20000"/>
              </a:spcBef>
              <a:buFont typeface="Arial" pitchFamily="34" charset="0"/>
              <a:buChar char="–"/>
              <a:defRPr kumimoji="1" sz="28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2pPr>
            <a:lvl3pPr marL="1143000" indent="-228600" algn="l" eaLnBrk="0" hangingPunct="0">
              <a:spcBef>
                <a:spcPct val="20000"/>
              </a:spcBef>
              <a:buFont typeface="Arial" pitchFamily="34" charset="0"/>
              <a:buChar char="•"/>
              <a:defRPr kumimoji="1" sz="2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3pPr>
            <a:lvl4pPr marL="1600200" indent="-228600" algn="l" eaLnBrk="0" hangingPunct="0">
              <a:spcBef>
                <a:spcPct val="20000"/>
              </a:spcBef>
              <a:buFont typeface="Arial" pitchFamily="34" charset="0"/>
              <a:buChar char="–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4pPr>
            <a:lvl5pPr marL="2057400" indent="-228600" algn="l" eaLnBrk="0" hangingPunct="0">
              <a:spcBef>
                <a:spcPct val="20000"/>
              </a:spcBef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  <a:defRPr/>
            </a:pPr>
            <a:endParaRPr lang="ja-JP" altLang="en-US" sz="1800" dirty="0">
              <a:latin typeface="Tahoma" pitchFamily="34" charset="0"/>
              <a:ea typeface="HGP創英角ﾎﾟｯﾌﾟ体" pitchFamily="50" charset="-128"/>
            </a:endParaRPr>
          </a:p>
        </p:txBody>
      </p:sp>
      <p:sp>
        <p:nvSpPr>
          <p:cNvPr id="16" name="円/楕円 15"/>
          <p:cNvSpPr/>
          <p:nvPr/>
        </p:nvSpPr>
        <p:spPr>
          <a:xfrm>
            <a:off x="6324556" y="1661142"/>
            <a:ext cx="1724045" cy="547609"/>
          </a:xfrm>
          <a:prstGeom prst="ellipse">
            <a:avLst/>
          </a:prstGeom>
          <a:solidFill>
            <a:srgbClr val="00B0F0"/>
          </a:solidFill>
          <a:ln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30725" name="Text Box 1031"/>
          <p:cNvSpPr txBox="1">
            <a:spLocks noChangeArrowheads="1"/>
          </p:cNvSpPr>
          <p:nvPr/>
        </p:nvSpPr>
        <p:spPr bwMode="auto">
          <a:xfrm>
            <a:off x="3417006" y="2357437"/>
            <a:ext cx="184731" cy="3000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endParaRPr lang="ja-JP" altLang="en-US" sz="1350"/>
          </a:p>
        </p:txBody>
      </p:sp>
      <p:sp>
        <p:nvSpPr>
          <p:cNvPr id="19" name="円/楕円 18"/>
          <p:cNvSpPr/>
          <p:nvPr/>
        </p:nvSpPr>
        <p:spPr>
          <a:xfrm>
            <a:off x="1159931" y="4815063"/>
            <a:ext cx="2148378" cy="882607"/>
          </a:xfrm>
          <a:prstGeom prst="ellipse">
            <a:avLst/>
          </a:prstGeom>
          <a:solidFill>
            <a:schemeClr val="accent2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30728" name="テキスト ボックス 19"/>
          <p:cNvSpPr txBox="1">
            <a:spLocks noChangeArrowheads="1"/>
          </p:cNvSpPr>
          <p:nvPr/>
        </p:nvSpPr>
        <p:spPr bwMode="auto">
          <a:xfrm>
            <a:off x="1239164" y="4892755"/>
            <a:ext cx="2044005" cy="11310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575" dirty="0">
                <a:latin typeface="Arial" pitchFamily="34" charset="0"/>
              </a:rPr>
              <a:t>近隣大学：</a:t>
            </a:r>
            <a:endParaRPr lang="en-US" altLang="ja-JP" sz="1575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575" dirty="0">
                <a:latin typeface="Arial" pitchFamily="34" charset="0"/>
              </a:rPr>
              <a:t>委員会</a:t>
            </a:r>
            <a:endParaRPr lang="en-US" altLang="ja-JP" sz="1575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350" dirty="0">
                <a:latin typeface="Arial" pitchFamily="34" charset="0"/>
              </a:rPr>
              <a:t>相談</a:t>
            </a:r>
            <a:endParaRPr lang="en-US" altLang="ja-JP" sz="1350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2250" dirty="0">
              <a:latin typeface="Arial" pitchFamily="34" charset="0"/>
            </a:endParaRPr>
          </a:p>
        </p:txBody>
      </p:sp>
      <p:sp>
        <p:nvSpPr>
          <p:cNvPr id="20" name="円/楕円 19"/>
          <p:cNvSpPr/>
          <p:nvPr/>
        </p:nvSpPr>
        <p:spPr>
          <a:xfrm>
            <a:off x="6206934" y="4454306"/>
            <a:ext cx="1594754" cy="1107060"/>
          </a:xfrm>
          <a:prstGeom prst="ellipse">
            <a:avLst/>
          </a:prstGeom>
          <a:solidFill>
            <a:srgbClr val="92D05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30730" name="テキスト ボックス 19"/>
          <p:cNvSpPr txBox="1">
            <a:spLocks noChangeArrowheads="1"/>
          </p:cNvSpPr>
          <p:nvPr/>
        </p:nvSpPr>
        <p:spPr bwMode="auto">
          <a:xfrm>
            <a:off x="4432700" y="3545979"/>
            <a:ext cx="2077046" cy="61170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1125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2250">
              <a:latin typeface="Arial" pitchFamily="34" charset="0"/>
            </a:endParaRPr>
          </a:p>
        </p:txBody>
      </p:sp>
      <p:sp>
        <p:nvSpPr>
          <p:cNvPr id="30731" name="テキスト ボックス 19"/>
          <p:cNvSpPr txBox="1">
            <a:spLocks noChangeArrowheads="1"/>
          </p:cNvSpPr>
          <p:nvPr/>
        </p:nvSpPr>
        <p:spPr bwMode="auto">
          <a:xfrm>
            <a:off x="6555700" y="4673009"/>
            <a:ext cx="950901" cy="9925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marL="342900" indent="-342900"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350" b="1" dirty="0">
                <a:latin typeface="Arial" pitchFamily="34" charset="0"/>
              </a:rPr>
              <a:t>民間企業</a:t>
            </a:r>
            <a:endParaRPr lang="en-US" altLang="ja-JP" sz="1350" b="1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125" b="1" dirty="0">
                <a:latin typeface="Arial" pitchFamily="34" charset="0"/>
              </a:rPr>
              <a:t>業務・</a:t>
            </a:r>
            <a:endParaRPr lang="en-US" altLang="ja-JP" sz="1125" b="1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125" b="1" dirty="0">
                <a:latin typeface="Arial" pitchFamily="34" charset="0"/>
              </a:rPr>
              <a:t>協力・連携も</a:t>
            </a:r>
            <a:endParaRPr lang="en-US" altLang="ja-JP" sz="1125" b="1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2250" dirty="0">
              <a:latin typeface="Arial" pitchFamily="34" charset="0"/>
            </a:endParaRPr>
          </a:p>
        </p:txBody>
      </p:sp>
      <p:sp>
        <p:nvSpPr>
          <p:cNvPr id="30732" name="テキスト ボックス 3"/>
          <p:cNvSpPr txBox="1">
            <a:spLocks noChangeArrowheads="1"/>
          </p:cNvSpPr>
          <p:nvPr/>
        </p:nvSpPr>
        <p:spPr bwMode="auto">
          <a:xfrm>
            <a:off x="6510678" y="1725706"/>
            <a:ext cx="1309975" cy="99270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350" b="1" dirty="0">
                <a:latin typeface="Arial" pitchFamily="34" charset="0"/>
              </a:rPr>
              <a:t>国土交通省・県</a:t>
            </a:r>
            <a:endParaRPr lang="en-US" altLang="ja-JP" sz="1350" b="1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350" dirty="0">
                <a:latin typeface="Arial" pitchFamily="34" charset="0"/>
              </a:rPr>
              <a:t>指導</a:t>
            </a:r>
            <a:endParaRPr lang="en-US" altLang="ja-JP" sz="1350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1125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ja-JP" altLang="en-US" sz="1013" dirty="0">
              <a:latin typeface="Arial" pitchFamily="34" charset="0"/>
            </a:endParaRPr>
          </a:p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endParaRPr lang="ja-JP" altLang="en-US" sz="1013" dirty="0">
              <a:latin typeface="Arial" pitchFamily="34" charset="0"/>
            </a:endParaRPr>
          </a:p>
        </p:txBody>
      </p:sp>
      <p:sp>
        <p:nvSpPr>
          <p:cNvPr id="21" name="円/楕円 20"/>
          <p:cNvSpPr/>
          <p:nvPr/>
        </p:nvSpPr>
        <p:spPr>
          <a:xfrm>
            <a:off x="4244658" y="2652308"/>
            <a:ext cx="1266230" cy="765720"/>
          </a:xfrm>
          <a:prstGeom prst="ellipse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30734" name="テキスト ボックス 19"/>
          <p:cNvSpPr txBox="1">
            <a:spLocks noChangeArrowheads="1"/>
          </p:cNvSpPr>
          <p:nvPr/>
        </p:nvSpPr>
        <p:spPr bwMode="auto">
          <a:xfrm>
            <a:off x="4176845" y="2750883"/>
            <a:ext cx="1330170" cy="8887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42900" indent="-342900"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800" dirty="0">
                <a:latin typeface="Arial" pitchFamily="34" charset="0"/>
              </a:rPr>
              <a:t>自治体</a:t>
            </a:r>
            <a:r>
              <a:rPr lang="en-US" altLang="ja-JP" sz="1800" dirty="0">
                <a:latin typeface="Arial" pitchFamily="34" charset="0"/>
              </a:rPr>
              <a:t>A</a:t>
            </a: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125" b="1" dirty="0">
                <a:latin typeface="Arial" pitchFamily="34" charset="0"/>
              </a:rPr>
              <a:t>協力連携</a:t>
            </a:r>
            <a:endParaRPr lang="en-US" altLang="ja-JP" sz="1125" b="1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2250" dirty="0">
              <a:latin typeface="Arial" pitchFamily="34" charset="0"/>
            </a:endParaRPr>
          </a:p>
        </p:txBody>
      </p:sp>
      <p:sp>
        <p:nvSpPr>
          <p:cNvPr id="2" name="左右矢印 1"/>
          <p:cNvSpPr/>
          <p:nvPr/>
        </p:nvSpPr>
        <p:spPr>
          <a:xfrm rot="21147284">
            <a:off x="3774769" y="2163822"/>
            <a:ext cx="2964890" cy="353507"/>
          </a:xfrm>
          <a:prstGeom prst="left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/>
          </a:p>
        </p:txBody>
      </p:sp>
      <p:sp>
        <p:nvSpPr>
          <p:cNvPr id="22" name="左右矢印 21"/>
          <p:cNvSpPr/>
          <p:nvPr/>
        </p:nvSpPr>
        <p:spPr>
          <a:xfrm rot="12318753">
            <a:off x="3255214" y="4032804"/>
            <a:ext cx="3345161" cy="273248"/>
          </a:xfrm>
          <a:prstGeom prst="left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/>
          </a:p>
        </p:txBody>
      </p:sp>
      <p:sp>
        <p:nvSpPr>
          <p:cNvPr id="24" name="左右矢印 23"/>
          <p:cNvSpPr/>
          <p:nvPr/>
        </p:nvSpPr>
        <p:spPr>
          <a:xfrm rot="16399472">
            <a:off x="1127323" y="4003084"/>
            <a:ext cx="1472601" cy="328259"/>
          </a:xfrm>
          <a:prstGeom prst="left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/>
          </a:p>
        </p:txBody>
      </p:sp>
      <p:sp>
        <p:nvSpPr>
          <p:cNvPr id="26" name="左右矢印 25"/>
          <p:cNvSpPr/>
          <p:nvPr/>
        </p:nvSpPr>
        <p:spPr>
          <a:xfrm rot="585819">
            <a:off x="3789928" y="2741934"/>
            <a:ext cx="574436" cy="273248"/>
          </a:xfrm>
          <a:prstGeom prst="leftRightArrow">
            <a:avLst>
              <a:gd name="adj1" fmla="val 42504"/>
              <a:gd name="adj2" fmla="val 50000"/>
            </a:avLst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 dirty="0"/>
          </a:p>
        </p:txBody>
      </p:sp>
      <p:sp>
        <p:nvSpPr>
          <p:cNvPr id="27" name="円/楕円 26"/>
          <p:cNvSpPr/>
          <p:nvPr/>
        </p:nvSpPr>
        <p:spPr>
          <a:xfrm>
            <a:off x="3325932" y="5243297"/>
            <a:ext cx="2727764" cy="524166"/>
          </a:xfrm>
          <a:prstGeom prst="ellipse">
            <a:avLst/>
          </a:prstGeom>
          <a:solidFill>
            <a:schemeClr val="bg1">
              <a:lumMod val="85000"/>
            </a:schemeClr>
          </a:solidFill>
          <a:ln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30740" name="テキスト ボックス 3"/>
          <p:cNvSpPr txBox="1">
            <a:spLocks noChangeArrowheads="1"/>
          </p:cNvSpPr>
          <p:nvPr/>
        </p:nvSpPr>
        <p:spPr bwMode="auto">
          <a:xfrm>
            <a:off x="3555562" y="5311480"/>
            <a:ext cx="2271776" cy="5078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1350" dirty="0">
                <a:latin typeface="Arial" pitchFamily="34" charset="0"/>
              </a:rPr>
              <a:t>市民・市民団体・ボランティア</a:t>
            </a:r>
            <a:endParaRPr lang="en-US" altLang="ja-JP" sz="1350" dirty="0">
              <a:latin typeface="Arial" pitchFamily="34" charset="0"/>
            </a:endParaRPr>
          </a:p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1350" dirty="0">
                <a:latin typeface="Arial" pitchFamily="34" charset="0"/>
              </a:rPr>
              <a:t>活動支援</a:t>
            </a:r>
          </a:p>
        </p:txBody>
      </p:sp>
      <p:sp>
        <p:nvSpPr>
          <p:cNvPr id="28" name="左右矢印 27"/>
          <p:cNvSpPr/>
          <p:nvPr/>
        </p:nvSpPr>
        <p:spPr>
          <a:xfrm rot="14588349">
            <a:off x="2266234" y="4290456"/>
            <a:ext cx="2035523" cy="327704"/>
          </a:xfrm>
          <a:prstGeom prst="left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/>
          </a:p>
        </p:txBody>
      </p:sp>
      <p:sp>
        <p:nvSpPr>
          <p:cNvPr id="4" name="円/楕円 20">
            <a:extLst>
              <a:ext uri="{FF2B5EF4-FFF2-40B4-BE49-F238E27FC236}">
                <a16:creationId xmlns:a16="http://schemas.microsoft.com/office/drawing/2014/main" id="{0B7F9216-0CAC-B8FB-B42B-67A5A8B1DDE8}"/>
              </a:ext>
            </a:extLst>
          </p:cNvPr>
          <p:cNvSpPr/>
          <p:nvPr/>
        </p:nvSpPr>
        <p:spPr>
          <a:xfrm>
            <a:off x="5907349" y="2469849"/>
            <a:ext cx="1266230" cy="765720"/>
          </a:xfrm>
          <a:prstGeom prst="ellipse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5" name="円/楕円 20">
            <a:extLst>
              <a:ext uri="{FF2B5EF4-FFF2-40B4-BE49-F238E27FC236}">
                <a16:creationId xmlns:a16="http://schemas.microsoft.com/office/drawing/2014/main" id="{118D255F-CFC1-7205-E1C1-757570A2E87E}"/>
              </a:ext>
            </a:extLst>
          </p:cNvPr>
          <p:cNvSpPr/>
          <p:nvPr/>
        </p:nvSpPr>
        <p:spPr>
          <a:xfrm>
            <a:off x="5497827" y="3620268"/>
            <a:ext cx="1266230" cy="765720"/>
          </a:xfrm>
          <a:prstGeom prst="ellipse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6" name="テキスト ボックス 19">
            <a:extLst>
              <a:ext uri="{FF2B5EF4-FFF2-40B4-BE49-F238E27FC236}">
                <a16:creationId xmlns:a16="http://schemas.microsoft.com/office/drawing/2014/main" id="{E53C304E-AB13-D79F-656C-325C0FB2A92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61729" y="2616996"/>
            <a:ext cx="1330170" cy="8887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42900" indent="-342900"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800" dirty="0">
                <a:latin typeface="Arial" pitchFamily="34" charset="0"/>
              </a:rPr>
              <a:t>自治体</a:t>
            </a:r>
            <a:r>
              <a:rPr lang="en-US" altLang="ja-JP" sz="1800" dirty="0">
                <a:latin typeface="Arial" pitchFamily="34" charset="0"/>
              </a:rPr>
              <a:t>B</a:t>
            </a: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125" b="1" dirty="0">
                <a:latin typeface="Arial" pitchFamily="34" charset="0"/>
              </a:rPr>
              <a:t>協力連携</a:t>
            </a:r>
            <a:endParaRPr lang="en-US" altLang="ja-JP" sz="1125" b="1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2250" dirty="0">
              <a:latin typeface="Arial" pitchFamily="34" charset="0"/>
            </a:endParaRPr>
          </a:p>
        </p:txBody>
      </p:sp>
      <p:sp>
        <p:nvSpPr>
          <p:cNvPr id="7" name="テキスト ボックス 19">
            <a:extLst>
              <a:ext uri="{FF2B5EF4-FFF2-40B4-BE49-F238E27FC236}">
                <a16:creationId xmlns:a16="http://schemas.microsoft.com/office/drawing/2014/main" id="{4F4A3A44-F049-FBDD-EC03-3B69F16738B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495618" y="3788046"/>
            <a:ext cx="1330170" cy="8887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42900" indent="-342900"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800" dirty="0">
                <a:latin typeface="Arial" pitchFamily="34" charset="0"/>
              </a:rPr>
              <a:t>自治体</a:t>
            </a:r>
            <a:r>
              <a:rPr lang="en-US" altLang="ja-JP" sz="1800" dirty="0">
                <a:latin typeface="Arial" pitchFamily="34" charset="0"/>
              </a:rPr>
              <a:t>C</a:t>
            </a: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r>
              <a:rPr lang="ja-JP" altLang="en-US" sz="1125" b="1" dirty="0">
                <a:latin typeface="Arial" pitchFamily="34" charset="0"/>
              </a:rPr>
              <a:t>協力連携</a:t>
            </a:r>
            <a:endParaRPr lang="en-US" altLang="ja-JP" sz="1125" b="1" dirty="0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2250" dirty="0">
              <a:latin typeface="Arial" pitchFamily="34" charset="0"/>
            </a:endParaRPr>
          </a:p>
        </p:txBody>
      </p:sp>
      <p:sp>
        <p:nvSpPr>
          <p:cNvPr id="8" name="左右矢印 25">
            <a:extLst>
              <a:ext uri="{FF2B5EF4-FFF2-40B4-BE49-F238E27FC236}">
                <a16:creationId xmlns:a16="http://schemas.microsoft.com/office/drawing/2014/main" id="{A647F7CE-1228-3354-DDDA-C543BDA09EE6}"/>
              </a:ext>
            </a:extLst>
          </p:cNvPr>
          <p:cNvSpPr/>
          <p:nvPr/>
        </p:nvSpPr>
        <p:spPr>
          <a:xfrm rot="879372">
            <a:off x="5272417" y="3225032"/>
            <a:ext cx="818549" cy="273248"/>
          </a:xfrm>
          <a:prstGeom prst="leftRightArrow">
            <a:avLst>
              <a:gd name="adj1" fmla="val 42504"/>
              <a:gd name="adj2" fmla="val 50000"/>
            </a:avLst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 dirty="0"/>
          </a:p>
        </p:txBody>
      </p:sp>
      <p:sp>
        <p:nvSpPr>
          <p:cNvPr id="9" name="左右矢印 25">
            <a:extLst>
              <a:ext uri="{FF2B5EF4-FFF2-40B4-BE49-F238E27FC236}">
                <a16:creationId xmlns:a16="http://schemas.microsoft.com/office/drawing/2014/main" id="{3C9D2D79-D158-CCF9-FD7B-7032F4BBF39C}"/>
              </a:ext>
            </a:extLst>
          </p:cNvPr>
          <p:cNvSpPr/>
          <p:nvPr/>
        </p:nvSpPr>
        <p:spPr>
          <a:xfrm rot="21307902">
            <a:off x="5265723" y="2732352"/>
            <a:ext cx="708535" cy="273248"/>
          </a:xfrm>
          <a:prstGeom prst="leftRightArrow">
            <a:avLst>
              <a:gd name="adj1" fmla="val 42504"/>
              <a:gd name="adj2" fmla="val 50000"/>
            </a:avLst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 dirty="0"/>
          </a:p>
        </p:txBody>
      </p:sp>
      <p:sp>
        <p:nvSpPr>
          <p:cNvPr id="10" name="左右矢印 25">
            <a:extLst>
              <a:ext uri="{FF2B5EF4-FFF2-40B4-BE49-F238E27FC236}">
                <a16:creationId xmlns:a16="http://schemas.microsoft.com/office/drawing/2014/main" id="{7DF6BDAE-BEA9-2180-0684-EA97801F8EA1}"/>
              </a:ext>
            </a:extLst>
          </p:cNvPr>
          <p:cNvSpPr/>
          <p:nvPr/>
        </p:nvSpPr>
        <p:spPr>
          <a:xfrm rot="919180">
            <a:off x="3793988" y="3346896"/>
            <a:ext cx="2099854" cy="273248"/>
          </a:xfrm>
          <a:prstGeom prst="leftRightArrow">
            <a:avLst>
              <a:gd name="adj1" fmla="val 42504"/>
              <a:gd name="adj2" fmla="val 50000"/>
            </a:avLst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 dirty="0"/>
          </a:p>
        </p:txBody>
      </p:sp>
      <p:sp>
        <p:nvSpPr>
          <p:cNvPr id="11" name="左右矢印 25">
            <a:extLst>
              <a:ext uri="{FF2B5EF4-FFF2-40B4-BE49-F238E27FC236}">
                <a16:creationId xmlns:a16="http://schemas.microsoft.com/office/drawing/2014/main" id="{D8FAF77C-9DE4-1E5A-9ADA-37CB2F3AD0A3}"/>
              </a:ext>
            </a:extLst>
          </p:cNvPr>
          <p:cNvSpPr/>
          <p:nvPr/>
        </p:nvSpPr>
        <p:spPr>
          <a:xfrm rot="257332">
            <a:off x="3910049" y="2432601"/>
            <a:ext cx="2197611" cy="273248"/>
          </a:xfrm>
          <a:prstGeom prst="leftRightArrow">
            <a:avLst>
              <a:gd name="adj1" fmla="val 42504"/>
              <a:gd name="adj2" fmla="val 50000"/>
            </a:avLst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/>
          </a:p>
        </p:txBody>
      </p:sp>
      <p:sp>
        <p:nvSpPr>
          <p:cNvPr id="12" name="左右矢印 25">
            <a:extLst>
              <a:ext uri="{FF2B5EF4-FFF2-40B4-BE49-F238E27FC236}">
                <a16:creationId xmlns:a16="http://schemas.microsoft.com/office/drawing/2014/main" id="{4B754F01-E414-81DE-CE71-BBF1666B7A11}"/>
              </a:ext>
            </a:extLst>
          </p:cNvPr>
          <p:cNvSpPr/>
          <p:nvPr/>
        </p:nvSpPr>
        <p:spPr>
          <a:xfrm rot="16379918">
            <a:off x="6122232" y="3314465"/>
            <a:ext cx="673724" cy="273248"/>
          </a:xfrm>
          <a:prstGeom prst="leftRightArrow">
            <a:avLst>
              <a:gd name="adj1" fmla="val 42504"/>
              <a:gd name="adj2" fmla="val 50000"/>
            </a:avLst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 sz="1151"/>
          </a:p>
        </p:txBody>
      </p:sp>
      <p:sp>
        <p:nvSpPr>
          <p:cNvPr id="3" name="円/楕円 2"/>
          <p:cNvSpPr/>
          <p:nvPr/>
        </p:nvSpPr>
        <p:spPr>
          <a:xfrm>
            <a:off x="921193" y="1923365"/>
            <a:ext cx="2941721" cy="1710717"/>
          </a:xfrm>
          <a:prstGeom prst="ellipse">
            <a:avLst/>
          </a:prstGeom>
          <a:solidFill>
            <a:srgbClr val="FFC000"/>
          </a:solidFill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2250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2250" b="1" dirty="0">
                <a:solidFill>
                  <a:schemeClr val="tx1"/>
                </a:solidFill>
              </a:rPr>
              <a:t>〇〇市</a:t>
            </a: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125" b="1" dirty="0">
                <a:solidFill>
                  <a:schemeClr val="tx1"/>
                </a:solidFill>
              </a:rPr>
              <a:t>インフラ・マネジメントの地域のリーダー的</a:t>
            </a: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ja-JP" altLang="en-US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13" name="テキスト ボックス 12">
            <a:extLst>
              <a:ext uri="{FF2B5EF4-FFF2-40B4-BE49-F238E27FC236}">
                <a16:creationId xmlns:a16="http://schemas.microsoft.com/office/drawing/2014/main" id="{05DD360F-2CFF-9900-E39A-3E1F81EBD501}"/>
              </a:ext>
            </a:extLst>
          </p:cNvPr>
          <p:cNvSpPr txBox="1"/>
          <p:nvPr/>
        </p:nvSpPr>
        <p:spPr>
          <a:xfrm>
            <a:off x="3367734" y="4228568"/>
            <a:ext cx="203132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b="1" dirty="0"/>
              <a:t>近隣地域連携組織</a:t>
            </a:r>
          </a:p>
        </p:txBody>
      </p:sp>
      <p:sp>
        <p:nvSpPr>
          <p:cNvPr id="14" name="Rectangle 1026">
            <a:extLst>
              <a:ext uri="{FF2B5EF4-FFF2-40B4-BE49-F238E27FC236}">
                <a16:creationId xmlns:a16="http://schemas.microsoft.com/office/drawing/2014/main" id="{F2B6CD98-8A4A-9CD9-C272-C0947652B363}"/>
              </a:ext>
            </a:extLst>
          </p:cNvPr>
          <p:cNvSpPr>
            <a:spLocks noChangeArrowheads="1"/>
          </p:cNvSpPr>
          <p:nvPr/>
        </p:nvSpPr>
        <p:spPr bwMode="auto">
          <a:xfrm>
            <a:off x="258097" y="282977"/>
            <a:ext cx="8627806" cy="367904"/>
          </a:xfrm>
          <a:prstGeom prst="rect">
            <a:avLst/>
          </a:prstGeom>
          <a:solidFill>
            <a:srgbClr val="FFCC99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2100" dirty="0">
                <a:latin typeface="HG丸ｺﾞｼｯｸM-PRO" pitchFamily="50" charset="-128"/>
                <a:ea typeface="HG丸ｺﾞｼｯｸM-PRO" pitchFamily="50" charset="-128"/>
              </a:rPr>
              <a:t>インフラ</a:t>
            </a:r>
            <a:r>
              <a:rPr lang="ja-JP" altLang="en-US" sz="2100" b="1" dirty="0">
                <a:latin typeface="HG丸ｺﾞｼｯｸM-PRO" pitchFamily="50" charset="-128"/>
                <a:ea typeface="HG丸ｺﾞｼｯｸM-PRO" pitchFamily="50" charset="-128"/>
              </a:rPr>
              <a:t>“群”管理</a:t>
            </a:r>
            <a:r>
              <a:rPr lang="ja-JP" altLang="en-US" sz="2100" dirty="0">
                <a:latin typeface="HG丸ｺﾞｼｯｸM-PRO" pitchFamily="50" charset="-128"/>
                <a:ea typeface="HG丸ｺﾞｼｯｸM-PRO" pitchFamily="50" charset="-128"/>
              </a:rPr>
              <a:t>で効率化</a:t>
            </a:r>
          </a:p>
        </p:txBody>
      </p:sp>
      <p:sp>
        <p:nvSpPr>
          <p:cNvPr id="15" name="スライド番号プレースホルダー 14">
            <a:extLst>
              <a:ext uri="{FF2B5EF4-FFF2-40B4-BE49-F238E27FC236}">
                <a16:creationId xmlns:a16="http://schemas.microsoft.com/office/drawing/2014/main" id="{F37F030A-7566-C53D-80E2-2237580C7BC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27</a:t>
            </a:fld>
            <a:endParaRPr kumimoji="1" lang="ja-JP" altLang="en-US"/>
          </a:p>
        </p:txBody>
      </p:sp>
      <p:sp>
        <p:nvSpPr>
          <p:cNvPr id="17" name="テキスト ボックス 16">
            <a:extLst>
              <a:ext uri="{FF2B5EF4-FFF2-40B4-BE49-F238E27FC236}">
                <a16:creationId xmlns:a16="http://schemas.microsoft.com/office/drawing/2014/main" id="{484C9523-3CC0-D21A-F8D9-D9D11193ABEC}"/>
              </a:ext>
            </a:extLst>
          </p:cNvPr>
          <p:cNvSpPr txBox="1"/>
          <p:nvPr/>
        </p:nvSpPr>
        <p:spPr>
          <a:xfrm>
            <a:off x="1355271" y="1126671"/>
            <a:ext cx="203132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自治体群での管理</a:t>
            </a:r>
          </a:p>
        </p:txBody>
      </p:sp>
    </p:spTree>
    <p:extLst>
      <p:ext uri="{BB962C8B-B14F-4D97-AF65-F5344CB8AC3E}">
        <p14:creationId xmlns:p14="http://schemas.microsoft.com/office/powerpoint/2010/main" val="3620435233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80" name="Oval 1028"/>
          <p:cNvSpPr>
            <a:spLocks noChangeArrowheads="1"/>
          </p:cNvSpPr>
          <p:nvPr/>
        </p:nvSpPr>
        <p:spPr bwMode="auto">
          <a:xfrm>
            <a:off x="973394" y="1877597"/>
            <a:ext cx="5707538" cy="3337802"/>
          </a:xfrm>
          <a:prstGeom prst="ellipse">
            <a:avLst/>
          </a:prstGeom>
          <a:solidFill>
            <a:schemeClr val="accent6">
              <a:lumMod val="40000"/>
              <a:lumOff val="60000"/>
            </a:schemeClr>
          </a:solidFill>
          <a:ln w="57150">
            <a:solidFill>
              <a:schemeClr val="tx1"/>
            </a:solidFill>
            <a:round/>
            <a:headEnd/>
            <a:tailEnd/>
          </a:ln>
        </p:spPr>
        <p:txBody>
          <a:bodyPr wrap="none" anchor="ctr"/>
          <a:lstStyle>
            <a:lvl1pPr algn="l" eaLnBrk="0" hangingPunct="0">
              <a:spcBef>
                <a:spcPct val="20000"/>
              </a:spcBef>
              <a:buFont typeface="Arial" pitchFamily="34" charset="0"/>
              <a:buChar char="•"/>
              <a:defRPr kumimoji="1" sz="32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1pPr>
            <a:lvl2pPr marL="742950" indent="-285750" algn="l" eaLnBrk="0" hangingPunct="0">
              <a:spcBef>
                <a:spcPct val="20000"/>
              </a:spcBef>
              <a:buFont typeface="Arial" pitchFamily="34" charset="0"/>
              <a:buChar char="–"/>
              <a:defRPr kumimoji="1" sz="28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2pPr>
            <a:lvl3pPr marL="1143000" indent="-228600" algn="l" eaLnBrk="0" hangingPunct="0">
              <a:spcBef>
                <a:spcPct val="20000"/>
              </a:spcBef>
              <a:buFont typeface="Arial" pitchFamily="34" charset="0"/>
              <a:buChar char="•"/>
              <a:defRPr kumimoji="1" sz="24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3pPr>
            <a:lvl4pPr marL="1600200" indent="-228600" algn="l" eaLnBrk="0" hangingPunct="0">
              <a:spcBef>
                <a:spcPct val="20000"/>
              </a:spcBef>
              <a:buFont typeface="Arial" pitchFamily="34" charset="0"/>
              <a:buChar char="–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4pPr>
            <a:lvl5pPr marL="2057400" indent="-228600" algn="l" eaLnBrk="0" hangingPunct="0">
              <a:spcBef>
                <a:spcPct val="20000"/>
              </a:spcBef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itchFamily="34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  <a:defRPr/>
            </a:pPr>
            <a:endParaRPr lang="ja-JP" altLang="en-US" sz="1800" dirty="0">
              <a:latin typeface="Tahoma" pitchFamily="34" charset="0"/>
              <a:ea typeface="HGP創英角ﾎﾟｯﾌﾟ体" pitchFamily="50" charset="-128"/>
            </a:endParaRPr>
          </a:p>
        </p:txBody>
      </p:sp>
      <p:sp>
        <p:nvSpPr>
          <p:cNvPr id="30725" name="Text Box 1031"/>
          <p:cNvSpPr txBox="1">
            <a:spLocks noChangeArrowheads="1"/>
          </p:cNvSpPr>
          <p:nvPr/>
        </p:nvSpPr>
        <p:spPr bwMode="auto">
          <a:xfrm>
            <a:off x="3417006" y="2357437"/>
            <a:ext cx="184731" cy="3000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endParaRPr lang="ja-JP" altLang="en-US" sz="1350"/>
          </a:p>
        </p:txBody>
      </p:sp>
      <p:sp>
        <p:nvSpPr>
          <p:cNvPr id="30730" name="テキスト ボックス 19"/>
          <p:cNvSpPr txBox="1">
            <a:spLocks noChangeArrowheads="1"/>
          </p:cNvSpPr>
          <p:nvPr/>
        </p:nvSpPr>
        <p:spPr bwMode="auto">
          <a:xfrm>
            <a:off x="4525603" y="2872245"/>
            <a:ext cx="2077046" cy="61170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1125">
              <a:latin typeface="Arial" pitchFamily="34" charset="0"/>
            </a:endParaRPr>
          </a:p>
          <a:p>
            <a:pPr marL="0" lvl="1" algn="ctr" eaLnBrk="1" hangingPunct="1">
              <a:spcBef>
                <a:spcPct val="0"/>
              </a:spcBef>
              <a:buClrTx/>
              <a:buSzTx/>
              <a:buNone/>
            </a:pPr>
            <a:endParaRPr lang="en-US" altLang="ja-JP" sz="2250">
              <a:latin typeface="Arial" pitchFamily="34" charset="0"/>
            </a:endParaRPr>
          </a:p>
        </p:txBody>
      </p:sp>
      <p:sp>
        <p:nvSpPr>
          <p:cNvPr id="21" name="円/楕円 20"/>
          <p:cNvSpPr/>
          <p:nvPr/>
        </p:nvSpPr>
        <p:spPr>
          <a:xfrm>
            <a:off x="5258695" y="1578372"/>
            <a:ext cx="1566002" cy="765720"/>
          </a:xfrm>
          <a:prstGeom prst="ellipse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b="1" dirty="0">
                <a:solidFill>
                  <a:schemeClr val="tx1"/>
                </a:solidFill>
              </a:rPr>
              <a:t>上下水道</a:t>
            </a:r>
            <a:endParaRPr lang="en-US" altLang="ja-JP" b="1" dirty="0">
              <a:solidFill>
                <a:schemeClr val="tx1"/>
              </a:solidFill>
            </a:endParaRPr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5" name="円/楕円 20">
            <a:extLst>
              <a:ext uri="{FF2B5EF4-FFF2-40B4-BE49-F238E27FC236}">
                <a16:creationId xmlns:a16="http://schemas.microsoft.com/office/drawing/2014/main" id="{118D255F-CFC1-7205-E1C1-757570A2E87E}"/>
              </a:ext>
            </a:extLst>
          </p:cNvPr>
          <p:cNvSpPr/>
          <p:nvPr/>
        </p:nvSpPr>
        <p:spPr>
          <a:xfrm>
            <a:off x="6398447" y="2286161"/>
            <a:ext cx="1266230" cy="765720"/>
          </a:xfrm>
          <a:prstGeom prst="ellipse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3" name="円/楕円 2"/>
          <p:cNvSpPr/>
          <p:nvPr/>
        </p:nvSpPr>
        <p:spPr>
          <a:xfrm>
            <a:off x="2085929" y="3826357"/>
            <a:ext cx="1209509" cy="637610"/>
          </a:xfrm>
          <a:prstGeom prst="ellipse">
            <a:avLst/>
          </a:prstGeom>
          <a:solidFill>
            <a:srgbClr val="FFC000"/>
          </a:solidFill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2250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22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2250" b="1" dirty="0">
                <a:solidFill>
                  <a:schemeClr val="tx1"/>
                </a:solidFill>
              </a:rPr>
              <a:t>擁壁</a:t>
            </a: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ja-JP" altLang="en-US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13" name="テキスト ボックス 12">
            <a:extLst>
              <a:ext uri="{FF2B5EF4-FFF2-40B4-BE49-F238E27FC236}">
                <a16:creationId xmlns:a16="http://schemas.microsoft.com/office/drawing/2014/main" id="{05DD360F-2CFF-9900-E39A-3E1F81EBD501}"/>
              </a:ext>
            </a:extLst>
          </p:cNvPr>
          <p:cNvSpPr txBox="1"/>
          <p:nvPr/>
        </p:nvSpPr>
        <p:spPr>
          <a:xfrm>
            <a:off x="2401374" y="4659862"/>
            <a:ext cx="226215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b="1" dirty="0"/>
              <a:t>道路構造保全対策課</a:t>
            </a:r>
          </a:p>
        </p:txBody>
      </p:sp>
      <p:sp>
        <p:nvSpPr>
          <p:cNvPr id="14" name="Rectangle 1026">
            <a:extLst>
              <a:ext uri="{FF2B5EF4-FFF2-40B4-BE49-F238E27FC236}">
                <a16:creationId xmlns:a16="http://schemas.microsoft.com/office/drawing/2014/main" id="{F2B6CD98-8A4A-9CD9-C272-C0947652B363}"/>
              </a:ext>
            </a:extLst>
          </p:cNvPr>
          <p:cNvSpPr>
            <a:spLocks noChangeArrowheads="1"/>
          </p:cNvSpPr>
          <p:nvPr/>
        </p:nvSpPr>
        <p:spPr bwMode="auto">
          <a:xfrm>
            <a:off x="258096" y="350715"/>
            <a:ext cx="8627806" cy="367904"/>
          </a:xfrm>
          <a:prstGeom prst="rect">
            <a:avLst/>
          </a:prstGeom>
          <a:solidFill>
            <a:srgbClr val="FFCC99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>
            <a:lvl1pPr eaLnBrk="0" hangingPunct="0">
              <a:spcBef>
                <a:spcPct val="20000"/>
              </a:spcBef>
              <a:buClr>
                <a:schemeClr val="hlink"/>
              </a:buClr>
              <a:buSzPct val="110000"/>
              <a:buFont typeface="Wingdings" pitchFamily="2" charset="2"/>
              <a:buBlip>
                <a:blip r:embed="rId3"/>
              </a:buBlip>
              <a:defRPr kumimoji="1" sz="32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lr>
                <a:schemeClr val="tx1"/>
              </a:buClr>
              <a:buSzPct val="60000"/>
              <a:buFont typeface="Wingdings" pitchFamily="2" charset="2"/>
              <a:buChar char="n"/>
              <a:defRPr kumimoji="1" sz="28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hlink"/>
              </a:buClr>
              <a:buSzPct val="95000"/>
              <a:buFont typeface="Wingdings" pitchFamily="2" charset="2"/>
              <a:buChar char="w"/>
              <a:defRPr kumimoji="1" sz="24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tx1"/>
              </a:buClr>
              <a:buSzPct val="65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SzPct val="60000"/>
              <a:buFont typeface="Wingdings" pitchFamily="2" charset="2"/>
              <a:buChar char="n"/>
              <a:defRPr kumimoji="1" sz="2000">
                <a:solidFill>
                  <a:schemeClr val="tx1"/>
                </a:solidFill>
                <a:latin typeface="Tahoma" pitchFamily="34" charset="0"/>
                <a:ea typeface="ＭＳ Ｐゴシック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2100" dirty="0">
                <a:latin typeface="HG丸ｺﾞｼｯｸM-PRO" pitchFamily="50" charset="-128"/>
                <a:ea typeface="HG丸ｺﾞｼｯｸM-PRO" pitchFamily="50" charset="-128"/>
              </a:rPr>
              <a:t>富山市のインフラ</a:t>
            </a:r>
            <a:r>
              <a:rPr lang="ja-JP" altLang="en-US" sz="2100" b="1" dirty="0">
                <a:latin typeface="HG丸ｺﾞｼｯｸM-PRO" pitchFamily="50" charset="-128"/>
                <a:ea typeface="HG丸ｺﾞｼｯｸM-PRO" pitchFamily="50" charset="-128"/>
              </a:rPr>
              <a:t>“群”と管理所管</a:t>
            </a:r>
            <a:endParaRPr lang="ja-JP" altLang="en-US" sz="2100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15" name="円/楕円 2">
            <a:extLst>
              <a:ext uri="{FF2B5EF4-FFF2-40B4-BE49-F238E27FC236}">
                <a16:creationId xmlns:a16="http://schemas.microsoft.com/office/drawing/2014/main" id="{48CF99FA-8F7A-54C9-B973-6C864DB74847}"/>
              </a:ext>
            </a:extLst>
          </p:cNvPr>
          <p:cNvSpPr/>
          <p:nvPr/>
        </p:nvSpPr>
        <p:spPr>
          <a:xfrm>
            <a:off x="1359963" y="2880766"/>
            <a:ext cx="1906022" cy="637610"/>
          </a:xfrm>
          <a:prstGeom prst="ellipse">
            <a:avLst/>
          </a:prstGeom>
          <a:solidFill>
            <a:srgbClr val="FFC000"/>
          </a:solidFill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2250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22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2250" b="1" dirty="0">
                <a:solidFill>
                  <a:schemeClr val="tx1"/>
                </a:solidFill>
              </a:rPr>
              <a:t>トンネル</a:t>
            </a: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ja-JP" altLang="en-US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17" name="円/楕円 2">
            <a:extLst>
              <a:ext uri="{FF2B5EF4-FFF2-40B4-BE49-F238E27FC236}">
                <a16:creationId xmlns:a16="http://schemas.microsoft.com/office/drawing/2014/main" id="{C2CA906A-054A-28F2-6FF5-E3EBD4BC8A42}"/>
              </a:ext>
            </a:extLst>
          </p:cNvPr>
          <p:cNvSpPr/>
          <p:nvPr/>
        </p:nvSpPr>
        <p:spPr>
          <a:xfrm>
            <a:off x="2735905" y="2042938"/>
            <a:ext cx="1414508" cy="637610"/>
          </a:xfrm>
          <a:prstGeom prst="ellipse">
            <a:avLst/>
          </a:prstGeom>
          <a:solidFill>
            <a:srgbClr val="FFC000"/>
          </a:solidFill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2250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22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2250" b="1" dirty="0">
                <a:solidFill>
                  <a:schemeClr val="tx1"/>
                </a:solidFill>
              </a:rPr>
              <a:t>橋　梁</a:t>
            </a: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ja-JP" altLang="en-US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18" name="円/楕円 2">
            <a:extLst>
              <a:ext uri="{FF2B5EF4-FFF2-40B4-BE49-F238E27FC236}">
                <a16:creationId xmlns:a16="http://schemas.microsoft.com/office/drawing/2014/main" id="{5EABB9C0-BBC0-8E4A-9B63-DF197BD4D99F}"/>
              </a:ext>
            </a:extLst>
          </p:cNvPr>
          <p:cNvSpPr/>
          <p:nvPr/>
        </p:nvSpPr>
        <p:spPr>
          <a:xfrm>
            <a:off x="4302009" y="2568179"/>
            <a:ext cx="1479784" cy="637610"/>
          </a:xfrm>
          <a:prstGeom prst="ellipse">
            <a:avLst/>
          </a:prstGeom>
          <a:solidFill>
            <a:srgbClr val="FFC000"/>
          </a:solidFill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2250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22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2250" b="1" dirty="0">
                <a:solidFill>
                  <a:schemeClr val="tx1"/>
                </a:solidFill>
              </a:rPr>
              <a:t>のり面</a:t>
            </a: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ja-JP" altLang="en-US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23" name="円/楕円 2">
            <a:extLst>
              <a:ext uri="{FF2B5EF4-FFF2-40B4-BE49-F238E27FC236}">
                <a16:creationId xmlns:a16="http://schemas.microsoft.com/office/drawing/2014/main" id="{416A128D-6D81-A036-0AE8-3D47D5102A70}"/>
              </a:ext>
            </a:extLst>
          </p:cNvPr>
          <p:cNvSpPr/>
          <p:nvPr/>
        </p:nvSpPr>
        <p:spPr>
          <a:xfrm>
            <a:off x="5349906" y="4591350"/>
            <a:ext cx="1209509" cy="637610"/>
          </a:xfrm>
          <a:prstGeom prst="ellipse">
            <a:avLst/>
          </a:prstGeom>
          <a:solidFill>
            <a:srgbClr val="FFC000"/>
          </a:solidFill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2250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22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2250" b="1" dirty="0">
                <a:solidFill>
                  <a:schemeClr val="tx1"/>
                </a:solidFill>
              </a:rPr>
              <a:t>道路</a:t>
            </a: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ja-JP" altLang="en-US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25" name="円/楕円 2">
            <a:extLst>
              <a:ext uri="{FF2B5EF4-FFF2-40B4-BE49-F238E27FC236}">
                <a16:creationId xmlns:a16="http://schemas.microsoft.com/office/drawing/2014/main" id="{887ADA1A-47AA-6894-EC2E-DA5A51314681}"/>
              </a:ext>
            </a:extLst>
          </p:cNvPr>
          <p:cNvSpPr/>
          <p:nvPr/>
        </p:nvSpPr>
        <p:spPr>
          <a:xfrm>
            <a:off x="3967245" y="3518375"/>
            <a:ext cx="1209509" cy="623627"/>
          </a:xfrm>
          <a:prstGeom prst="ellipse">
            <a:avLst/>
          </a:prstGeom>
          <a:solidFill>
            <a:srgbClr val="FFC000"/>
          </a:solidFill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2250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22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2250" b="1" dirty="0">
                <a:solidFill>
                  <a:schemeClr val="tx1"/>
                </a:solidFill>
              </a:rPr>
              <a:t>標識</a:t>
            </a: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ja-JP" altLang="en-US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51" dirty="0"/>
          </a:p>
        </p:txBody>
      </p:sp>
      <p:sp>
        <p:nvSpPr>
          <p:cNvPr id="30" name="テキスト ボックス 29">
            <a:extLst>
              <a:ext uri="{FF2B5EF4-FFF2-40B4-BE49-F238E27FC236}">
                <a16:creationId xmlns:a16="http://schemas.microsoft.com/office/drawing/2014/main" id="{0726911E-17C9-8F45-1685-A622C3F50694}"/>
              </a:ext>
            </a:extLst>
          </p:cNvPr>
          <p:cNvSpPr txBox="1"/>
          <p:nvPr/>
        </p:nvSpPr>
        <p:spPr>
          <a:xfrm>
            <a:off x="6616064" y="2524862"/>
            <a:ext cx="8771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b="1" dirty="0"/>
              <a:t>箱もの</a:t>
            </a:r>
          </a:p>
        </p:txBody>
      </p:sp>
      <p:sp>
        <p:nvSpPr>
          <p:cNvPr id="31" name="吹き出し: 四角形 30">
            <a:extLst>
              <a:ext uri="{FF2B5EF4-FFF2-40B4-BE49-F238E27FC236}">
                <a16:creationId xmlns:a16="http://schemas.microsoft.com/office/drawing/2014/main" id="{CAC4976F-06AA-695D-A1AA-5DCAE4C3D6FC}"/>
              </a:ext>
            </a:extLst>
          </p:cNvPr>
          <p:cNvSpPr/>
          <p:nvPr/>
        </p:nvSpPr>
        <p:spPr>
          <a:xfrm>
            <a:off x="4824947" y="5421644"/>
            <a:ext cx="1913691" cy="459486"/>
          </a:xfrm>
          <a:prstGeom prst="wedgeRectCallout">
            <a:avLst>
              <a:gd name="adj1" fmla="val -9351"/>
              <a:gd name="adj2" fmla="val -103605"/>
            </a:avLst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ja-JP" altLang="en-US" sz="1350" b="1" dirty="0"/>
              <a:t>道路管理課</a:t>
            </a:r>
          </a:p>
        </p:txBody>
      </p:sp>
      <p:sp>
        <p:nvSpPr>
          <p:cNvPr id="50176" name="吹き出し: 四角形 50175">
            <a:extLst>
              <a:ext uri="{FF2B5EF4-FFF2-40B4-BE49-F238E27FC236}">
                <a16:creationId xmlns:a16="http://schemas.microsoft.com/office/drawing/2014/main" id="{4530B532-5055-DE3C-7981-364307B262C6}"/>
              </a:ext>
            </a:extLst>
          </p:cNvPr>
          <p:cNvSpPr/>
          <p:nvPr/>
        </p:nvSpPr>
        <p:spPr>
          <a:xfrm>
            <a:off x="7213762" y="1685333"/>
            <a:ext cx="1458290" cy="459486"/>
          </a:xfrm>
          <a:prstGeom prst="wedgeRectCallout">
            <a:avLst>
              <a:gd name="adj1" fmla="val -90464"/>
              <a:gd name="adj2" fmla="val 3842"/>
            </a:avLst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ja-JP" altLang="en-US" sz="1350" b="1" dirty="0"/>
              <a:t>上下水道局</a:t>
            </a:r>
          </a:p>
        </p:txBody>
      </p:sp>
      <p:sp>
        <p:nvSpPr>
          <p:cNvPr id="50177" name="吹き出し: 四角形 50176">
            <a:extLst>
              <a:ext uri="{FF2B5EF4-FFF2-40B4-BE49-F238E27FC236}">
                <a16:creationId xmlns:a16="http://schemas.microsoft.com/office/drawing/2014/main" id="{24F549A0-9C3B-8179-E585-6150424A7A00}"/>
              </a:ext>
            </a:extLst>
          </p:cNvPr>
          <p:cNvSpPr/>
          <p:nvPr/>
        </p:nvSpPr>
        <p:spPr>
          <a:xfrm>
            <a:off x="7731714" y="2586707"/>
            <a:ext cx="1077681" cy="1096469"/>
          </a:xfrm>
          <a:prstGeom prst="wedgeRectCallout">
            <a:avLst>
              <a:gd name="adj1" fmla="val -68097"/>
              <a:gd name="adj2" fmla="val -32221"/>
            </a:avLst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ja-JP" altLang="en-US" sz="1350" b="1" dirty="0"/>
              <a:t>管財課</a:t>
            </a:r>
            <a:endParaRPr lang="en-US" altLang="ja-JP" sz="1350" b="1" dirty="0"/>
          </a:p>
          <a:p>
            <a:pPr algn="ctr"/>
            <a:r>
              <a:rPr lang="ja-JP" altLang="en-US" sz="1350" b="1" dirty="0"/>
              <a:t>学校施設課営繕課</a:t>
            </a:r>
          </a:p>
        </p:txBody>
      </p:sp>
      <p:sp>
        <p:nvSpPr>
          <p:cNvPr id="2" name="円/楕円 2">
            <a:extLst>
              <a:ext uri="{FF2B5EF4-FFF2-40B4-BE49-F238E27FC236}">
                <a16:creationId xmlns:a16="http://schemas.microsoft.com/office/drawing/2014/main" id="{C2D85D8F-E286-A9E4-DB9B-0E099763AB24}"/>
              </a:ext>
            </a:extLst>
          </p:cNvPr>
          <p:cNvSpPr/>
          <p:nvPr/>
        </p:nvSpPr>
        <p:spPr>
          <a:xfrm>
            <a:off x="6623657" y="3625056"/>
            <a:ext cx="1209509" cy="637610"/>
          </a:xfrm>
          <a:prstGeom prst="ellipse">
            <a:avLst/>
          </a:prstGeom>
          <a:solidFill>
            <a:srgbClr val="FFC000"/>
          </a:solidFill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2250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22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2250" b="1" dirty="0">
                <a:solidFill>
                  <a:schemeClr val="tx1"/>
                </a:solidFill>
              </a:rPr>
              <a:t>公園</a:t>
            </a: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ja-JP" altLang="en-US" sz="1125" b="1" dirty="0">
              <a:solidFill>
                <a:schemeClr val="tx1"/>
              </a:solidFill>
            </a:endParaRPr>
          </a:p>
          <a:p>
            <a:pPr>
              <a:defRPr/>
            </a:pPr>
            <a:endParaRPr lang="en-US" altLang="ja-JP" sz="1151" dirty="0"/>
          </a:p>
          <a:p>
            <a:pPr>
              <a:defRPr/>
            </a:pPr>
            <a:endParaRPr lang="ja-JP" altLang="en-US" sz="1151" dirty="0"/>
          </a:p>
        </p:txBody>
      </p:sp>
      <p:sp>
        <p:nvSpPr>
          <p:cNvPr id="4" name="吹き出し: 四角形 3">
            <a:extLst>
              <a:ext uri="{FF2B5EF4-FFF2-40B4-BE49-F238E27FC236}">
                <a16:creationId xmlns:a16="http://schemas.microsoft.com/office/drawing/2014/main" id="{FB738B35-EE77-380A-393F-298BC6D29A6B}"/>
              </a:ext>
            </a:extLst>
          </p:cNvPr>
          <p:cNvSpPr/>
          <p:nvPr/>
        </p:nvSpPr>
        <p:spPr>
          <a:xfrm>
            <a:off x="6968464" y="4332845"/>
            <a:ext cx="2064551" cy="1167948"/>
          </a:xfrm>
          <a:prstGeom prst="wedgeRectCallout">
            <a:avLst>
              <a:gd name="adj1" fmla="val -34972"/>
              <a:gd name="adj2" fmla="val -67435"/>
            </a:avLst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ja-JP" altLang="en-US" sz="1350" b="1" dirty="0"/>
              <a:t>公園緑地課</a:t>
            </a:r>
            <a:endParaRPr lang="en-US" altLang="ja-JP" sz="1350" b="1" dirty="0"/>
          </a:p>
          <a:p>
            <a:pPr algn="ctr"/>
            <a:endParaRPr lang="en-US" altLang="ja-JP" sz="1350" b="1" dirty="0"/>
          </a:p>
          <a:p>
            <a:pPr algn="ctr"/>
            <a:r>
              <a:rPr lang="ja-JP" altLang="en-US" sz="1350" b="1" dirty="0">
                <a:latin typeface="游明朝" panose="02020400000000000000" pitchFamily="18" charset="-128"/>
                <a:ea typeface="游明朝" panose="02020400000000000000" pitchFamily="18" charset="-128"/>
              </a:rPr>
              <a:t>実は橋梁</a:t>
            </a:r>
            <a:r>
              <a:rPr lang="en-US" altLang="ja-JP" sz="1350" b="1" dirty="0">
                <a:latin typeface="游明朝" panose="02020400000000000000" pitchFamily="18" charset="-128"/>
                <a:ea typeface="游明朝" panose="02020400000000000000" pitchFamily="18" charset="-128"/>
              </a:rPr>
              <a:t>2</a:t>
            </a:r>
            <a:r>
              <a:rPr lang="ja-JP" altLang="en-US" sz="1350" b="1" dirty="0">
                <a:latin typeface="游明朝" panose="02020400000000000000" pitchFamily="18" charset="-128"/>
                <a:ea typeface="游明朝" panose="02020400000000000000" pitchFamily="18" charset="-128"/>
              </a:rPr>
              <a:t>橋</a:t>
            </a:r>
            <a:endParaRPr lang="en-US" altLang="ja-JP" sz="1350" b="1" dirty="0">
              <a:latin typeface="游明朝" panose="02020400000000000000" pitchFamily="18" charset="-128"/>
              <a:ea typeface="游明朝" panose="02020400000000000000" pitchFamily="18" charset="-128"/>
            </a:endParaRPr>
          </a:p>
          <a:p>
            <a:pPr algn="ctr"/>
            <a:r>
              <a:rPr lang="ja-JP" altLang="en-US" sz="1350" b="1" dirty="0">
                <a:latin typeface="游明朝" panose="02020400000000000000" pitchFamily="18" charset="-128"/>
                <a:ea typeface="游明朝" panose="02020400000000000000" pitchFamily="18" charset="-128"/>
              </a:rPr>
              <a:t>斜</a:t>
            </a:r>
            <a:r>
              <a:rPr lang="en-US" altLang="ja-JP" sz="1350" b="1" dirty="0">
                <a:latin typeface="游明朝" panose="02020400000000000000" pitchFamily="18" charset="-128"/>
                <a:ea typeface="游明朝" panose="02020400000000000000" pitchFamily="18" charset="-128"/>
              </a:rPr>
              <a:t>Π</a:t>
            </a:r>
            <a:r>
              <a:rPr lang="ja-JP" altLang="en-US" sz="1350" b="1" dirty="0">
                <a:latin typeface="游明朝" panose="02020400000000000000" pitchFamily="18" charset="-128"/>
                <a:ea typeface="游明朝" panose="02020400000000000000" pitchFamily="18" charset="-128"/>
              </a:rPr>
              <a:t>ラーメン（７０ｍ）</a:t>
            </a:r>
            <a:endParaRPr lang="en-US" altLang="ja-JP" sz="1350" b="1" dirty="0">
              <a:latin typeface="游明朝" panose="02020400000000000000" pitchFamily="18" charset="-128"/>
              <a:ea typeface="游明朝" panose="02020400000000000000" pitchFamily="18" charset="-128"/>
            </a:endParaRPr>
          </a:p>
          <a:p>
            <a:pPr algn="ctr"/>
            <a:r>
              <a:rPr lang="ja-JP" altLang="en-US" sz="1350" b="1" dirty="0">
                <a:latin typeface="游明朝" panose="02020400000000000000" pitchFamily="18" charset="-128"/>
                <a:ea typeface="游明朝" panose="02020400000000000000" pitchFamily="18" charset="-128"/>
              </a:rPr>
              <a:t>吊り橋（１２０ｍ）</a:t>
            </a:r>
          </a:p>
        </p:txBody>
      </p:sp>
      <p:sp>
        <p:nvSpPr>
          <p:cNvPr id="6" name="スライド番号プレースホルダー 5">
            <a:extLst>
              <a:ext uri="{FF2B5EF4-FFF2-40B4-BE49-F238E27FC236}">
                <a16:creationId xmlns:a16="http://schemas.microsoft.com/office/drawing/2014/main" id="{D64B767D-66EB-0BDB-6C01-9C4D439C972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28</a:t>
            </a:fld>
            <a:endParaRPr kumimoji="1" lang="ja-JP" altLang="en-US"/>
          </a:p>
        </p:txBody>
      </p:sp>
      <p:sp>
        <p:nvSpPr>
          <p:cNvPr id="7" name="テキスト ボックス 6">
            <a:extLst>
              <a:ext uri="{FF2B5EF4-FFF2-40B4-BE49-F238E27FC236}">
                <a16:creationId xmlns:a16="http://schemas.microsoft.com/office/drawing/2014/main" id="{51CA3BC4-6E9F-AEBE-0514-700B75ABDC7F}"/>
              </a:ext>
            </a:extLst>
          </p:cNvPr>
          <p:cNvSpPr txBox="1"/>
          <p:nvPr/>
        </p:nvSpPr>
        <p:spPr>
          <a:xfrm>
            <a:off x="1359963" y="1224643"/>
            <a:ext cx="387798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インフラ群としての管理　⇒実行中</a:t>
            </a:r>
          </a:p>
        </p:txBody>
      </p:sp>
    </p:spTree>
    <p:extLst>
      <p:ext uri="{BB962C8B-B14F-4D97-AF65-F5344CB8AC3E}">
        <p14:creationId xmlns:p14="http://schemas.microsoft.com/office/powerpoint/2010/main" val="4090103671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スライド番号プレースホルダー 1">
            <a:extLst>
              <a:ext uri="{FF2B5EF4-FFF2-40B4-BE49-F238E27FC236}">
                <a16:creationId xmlns:a16="http://schemas.microsoft.com/office/drawing/2014/main" id="{2701C82D-3D1C-4BD4-B915-040DC10855F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/>
          <a:lstStyle>
            <a:defPPr>
              <a:defRPr lang="ja-JP"/>
            </a:defPPr>
            <a:lvl1pPr marL="0" algn="l" defTabSz="685800" rtl="0" eaLnBrk="1" latinLnBrk="0" hangingPunct="1">
              <a:defRPr kumimoji="0" sz="105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 marL="342900" algn="l" defTabSz="685800" rtl="0" eaLnBrk="1" latinLnBrk="0" hangingPunct="1"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685800" algn="l" defTabSz="685800" rtl="0" eaLnBrk="1" latinLnBrk="0" hangingPunct="1"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028700" algn="l" defTabSz="685800" rtl="0" eaLnBrk="1" latinLnBrk="0" hangingPunct="1"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371600" algn="l" defTabSz="685800" rtl="0" eaLnBrk="1" latinLnBrk="0" hangingPunct="1"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714500" algn="l" defTabSz="685800" rtl="0" eaLnBrk="1" latinLnBrk="0" hangingPunct="1"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057400" algn="l" defTabSz="685800" rtl="0" eaLnBrk="1" latinLnBrk="0" hangingPunct="1"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400300" algn="l" defTabSz="685800" rtl="0" eaLnBrk="1" latinLnBrk="0" hangingPunct="1"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743200" algn="l" defTabSz="685800" rtl="0" eaLnBrk="1" latinLnBrk="0" hangingPunct="1"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fld id="{7D5A2C38-BF5A-4117-A3B3-4E986D472ED9}" type="slidenum">
              <a:rPr kumimoji="1" lang="ja-JP" altLang="en-US" smtClean="0"/>
              <a:pPr eaLnBrk="1" hangingPunct="1">
                <a:spcBef>
                  <a:spcPct val="0"/>
                </a:spcBef>
                <a:buFontTx/>
                <a:buNone/>
              </a:pPr>
              <a:t>29</a:t>
            </a:fld>
            <a:endParaRPr lang="en-US" altLang="ja-JP" sz="900" dirty="0">
              <a:solidFill>
                <a:schemeClr val="bg1"/>
              </a:solidFill>
              <a:latin typeface="HGPｺﾞｼｯｸE" panose="020B0900000000000000" pitchFamily="50" charset="-128"/>
              <a:ea typeface="HGPｺﾞｼｯｸE" panose="020B0900000000000000" pitchFamily="50" charset="-128"/>
            </a:endParaRPr>
          </a:p>
        </p:txBody>
      </p:sp>
      <p:sp>
        <p:nvSpPr>
          <p:cNvPr id="3" name="角丸四角形 2">
            <a:extLst>
              <a:ext uri="{FF2B5EF4-FFF2-40B4-BE49-F238E27FC236}">
                <a16:creationId xmlns:a16="http://schemas.microsoft.com/office/drawing/2014/main" id="{1A75390C-303E-4385-9312-9DAA287260F8}"/>
              </a:ext>
            </a:extLst>
          </p:cNvPr>
          <p:cNvSpPr/>
          <p:nvPr/>
        </p:nvSpPr>
        <p:spPr>
          <a:xfrm>
            <a:off x="1293403" y="1554958"/>
            <a:ext cx="1435610" cy="1944641"/>
          </a:xfrm>
          <a:prstGeom prst="roundRect">
            <a:avLst/>
          </a:prstGeom>
          <a:solidFill>
            <a:schemeClr val="bg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技　術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（ツール）</a:t>
            </a:r>
          </a:p>
        </p:txBody>
      </p:sp>
      <p:sp>
        <p:nvSpPr>
          <p:cNvPr id="11" name="角丸四角形 10">
            <a:extLst>
              <a:ext uri="{FF2B5EF4-FFF2-40B4-BE49-F238E27FC236}">
                <a16:creationId xmlns:a16="http://schemas.microsoft.com/office/drawing/2014/main" id="{2819E3A6-DCCC-462B-A1B9-F8DF5B5E99A6}"/>
              </a:ext>
            </a:extLst>
          </p:cNvPr>
          <p:cNvSpPr/>
          <p:nvPr/>
        </p:nvSpPr>
        <p:spPr>
          <a:xfrm>
            <a:off x="1277540" y="3572070"/>
            <a:ext cx="1451473" cy="1542155"/>
          </a:xfrm>
          <a:prstGeom prst="roundRect">
            <a:avLst/>
          </a:prstGeom>
          <a:solidFill>
            <a:schemeClr val="accent2">
              <a:lumMod val="60000"/>
              <a:lumOff val="40000"/>
            </a:schemeClr>
          </a:solidFill>
          <a:ln w="381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マネジメント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（しくみ）</a:t>
            </a:r>
          </a:p>
        </p:txBody>
      </p:sp>
      <p:sp>
        <p:nvSpPr>
          <p:cNvPr id="12300" name="テキスト ボックス 14">
            <a:extLst>
              <a:ext uri="{FF2B5EF4-FFF2-40B4-BE49-F238E27FC236}">
                <a16:creationId xmlns:a16="http://schemas.microsoft.com/office/drawing/2014/main" id="{D3C89C84-EFB6-4B9E-BABF-410E5921981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385889" y="1150144"/>
            <a:ext cx="6051657" cy="4154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100" dirty="0"/>
              <a:t>今後の、インフラメンテナンスにおいて必要な両輪！</a:t>
            </a:r>
          </a:p>
        </p:txBody>
      </p:sp>
      <p:sp>
        <p:nvSpPr>
          <p:cNvPr id="24" name="角丸四角形 23">
            <a:extLst>
              <a:ext uri="{FF2B5EF4-FFF2-40B4-BE49-F238E27FC236}">
                <a16:creationId xmlns:a16="http://schemas.microsoft.com/office/drawing/2014/main" id="{9B7D47C7-6231-4D4B-B2EE-82215DCCF621}"/>
              </a:ext>
            </a:extLst>
          </p:cNvPr>
          <p:cNvSpPr/>
          <p:nvPr/>
        </p:nvSpPr>
        <p:spPr>
          <a:xfrm>
            <a:off x="3761910" y="1582308"/>
            <a:ext cx="4865897" cy="1009948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橋梁など構造物の理解に必要な知識、経験、技術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新たに導入すべき新技術、新材料、新手法など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</a:t>
            </a:r>
            <a:r>
              <a:rPr lang="en-US" altLang="ja-JP" sz="1350" b="1" dirty="0">
                <a:solidFill>
                  <a:schemeClr val="tx1"/>
                </a:solidFill>
              </a:rPr>
              <a:t>IOT</a:t>
            </a:r>
            <a:r>
              <a:rPr lang="ja-JP" altLang="en-US" sz="1350" b="1" dirty="0">
                <a:solidFill>
                  <a:schemeClr val="tx1"/>
                </a:solidFill>
              </a:rPr>
              <a:t>技術、</a:t>
            </a:r>
            <a:r>
              <a:rPr lang="en-US" altLang="ja-JP" sz="1350" b="1" dirty="0">
                <a:solidFill>
                  <a:schemeClr val="tx1"/>
                </a:solidFill>
              </a:rPr>
              <a:t>DB</a:t>
            </a:r>
            <a:r>
              <a:rPr lang="ja-JP" altLang="en-US" sz="1350" b="1" dirty="0">
                <a:solidFill>
                  <a:schemeClr val="tx1"/>
                </a:solidFill>
              </a:rPr>
              <a:t>、</a:t>
            </a:r>
            <a:r>
              <a:rPr lang="en-US" altLang="ja-JP" sz="1350" b="1" dirty="0">
                <a:solidFill>
                  <a:schemeClr val="tx1"/>
                </a:solidFill>
              </a:rPr>
              <a:t>BIM/CIM</a:t>
            </a: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</a:t>
            </a:r>
            <a:r>
              <a:rPr lang="en-US" altLang="ja-JP" sz="1350" b="1" dirty="0">
                <a:solidFill>
                  <a:schemeClr val="tx1"/>
                </a:solidFill>
              </a:rPr>
              <a:t>AI</a:t>
            </a:r>
            <a:r>
              <a:rPr lang="ja-JP" altLang="en-US" sz="1350" b="1" dirty="0">
                <a:solidFill>
                  <a:schemeClr val="tx1"/>
                </a:solidFill>
              </a:rPr>
              <a:t>やドローン、ロボット、モニンタリングシステム</a:t>
            </a:r>
            <a:endParaRPr lang="ja-JP" altLang="en-US" sz="1350" dirty="0">
              <a:solidFill>
                <a:schemeClr val="tx1"/>
              </a:solidFill>
            </a:endParaRPr>
          </a:p>
        </p:txBody>
      </p:sp>
      <p:sp>
        <p:nvSpPr>
          <p:cNvPr id="27" name="角丸四角形 26">
            <a:extLst>
              <a:ext uri="{FF2B5EF4-FFF2-40B4-BE49-F238E27FC236}">
                <a16:creationId xmlns:a16="http://schemas.microsoft.com/office/drawing/2014/main" id="{549CF4B6-6F78-4E82-BFAE-5231850EF016}"/>
              </a:ext>
            </a:extLst>
          </p:cNvPr>
          <p:cNvSpPr/>
          <p:nvPr/>
        </p:nvSpPr>
        <p:spPr>
          <a:xfrm>
            <a:off x="3733133" y="3499600"/>
            <a:ext cx="4894673" cy="777881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3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新たな「しくみ」、マネジメント手法、マネジメント思考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（アセット）マネジメント　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 algn="ctr">
              <a:defRPr/>
            </a:pPr>
            <a:endParaRPr lang="ja-JP" altLang="en-US" sz="1350" dirty="0">
              <a:solidFill>
                <a:schemeClr val="tx1"/>
              </a:solidFill>
            </a:endParaRPr>
          </a:p>
        </p:txBody>
      </p:sp>
      <p:sp>
        <p:nvSpPr>
          <p:cNvPr id="31" name="角丸四角形 30">
            <a:extLst>
              <a:ext uri="{FF2B5EF4-FFF2-40B4-BE49-F238E27FC236}">
                <a16:creationId xmlns:a16="http://schemas.microsoft.com/office/drawing/2014/main" id="{AF8E0B1B-3F0C-4B90-95FA-FD6289FD42DC}"/>
              </a:ext>
            </a:extLst>
          </p:cNvPr>
          <p:cNvSpPr/>
          <p:nvPr/>
        </p:nvSpPr>
        <p:spPr>
          <a:xfrm>
            <a:off x="1588294" y="5186365"/>
            <a:ext cx="6278166" cy="541735"/>
          </a:xfrm>
          <a:prstGeom prst="roundRect">
            <a:avLst/>
          </a:prstGeom>
          <a:solidFill>
            <a:srgbClr val="FFFF99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インフラマネジメントの問題は、「技術」だけでは解決できない。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「ソフト」や「評論家」だけでも進まない！実行者が必要！！</a:t>
            </a:r>
          </a:p>
        </p:txBody>
      </p:sp>
      <p:sp>
        <p:nvSpPr>
          <p:cNvPr id="2" name="角丸四角形 26">
            <a:extLst>
              <a:ext uri="{FF2B5EF4-FFF2-40B4-BE49-F238E27FC236}">
                <a16:creationId xmlns:a16="http://schemas.microsoft.com/office/drawing/2014/main" id="{230B6B78-CF87-4ACD-9198-2018B6B945C1}"/>
              </a:ext>
            </a:extLst>
          </p:cNvPr>
          <p:cNvSpPr/>
          <p:nvPr/>
        </p:nvSpPr>
        <p:spPr>
          <a:xfrm>
            <a:off x="3780983" y="2656300"/>
            <a:ext cx="4846824" cy="843299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en-US" altLang="ja-JP" sz="13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国総研、土木研究所、土木学会など公的研究機関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　での認証制度など　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大学や、民間企業などの技術開発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官庁の思考改革　等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 algn="ctr">
              <a:defRPr/>
            </a:pPr>
            <a:endParaRPr lang="ja-JP" altLang="en-US" sz="1350" dirty="0">
              <a:solidFill>
                <a:schemeClr val="tx1"/>
              </a:solidFill>
            </a:endParaRPr>
          </a:p>
        </p:txBody>
      </p:sp>
      <p:sp>
        <p:nvSpPr>
          <p:cNvPr id="4" name="角丸四角形 26">
            <a:extLst>
              <a:ext uri="{FF2B5EF4-FFF2-40B4-BE49-F238E27FC236}">
                <a16:creationId xmlns:a16="http://schemas.microsoft.com/office/drawing/2014/main" id="{48FC8551-6DA0-4EE0-9262-4FDBE54372EA}"/>
              </a:ext>
            </a:extLst>
          </p:cNvPr>
          <p:cNvSpPr/>
          <p:nvPr/>
        </p:nvSpPr>
        <p:spPr>
          <a:xfrm>
            <a:off x="3761909" y="4336345"/>
            <a:ext cx="4865897" cy="777881"/>
          </a:xfrm>
          <a:prstGeom prst="roundRect">
            <a:avLst/>
          </a:prstGeom>
          <a:solidFill>
            <a:schemeClr val="bg1"/>
          </a:solidFill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r>
              <a:rPr lang="ja-JP" altLang="en-US" sz="1350" b="1">
                <a:solidFill>
                  <a:schemeClr val="tx1"/>
                </a:solidFill>
              </a:rPr>
              <a:t>・（アセット）マネジメント　</a:t>
            </a:r>
            <a:r>
              <a:rPr lang="ja-JP" altLang="en-US" sz="1350" b="1" dirty="0">
                <a:solidFill>
                  <a:schemeClr val="tx1"/>
                </a:solidFill>
              </a:rPr>
              <a:t>等</a:t>
            </a:r>
            <a:endParaRPr lang="en-US" altLang="ja-JP" sz="135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350" b="1" dirty="0">
                <a:solidFill>
                  <a:schemeClr val="tx1"/>
                </a:solidFill>
              </a:rPr>
              <a:t>・</a:t>
            </a:r>
            <a:r>
              <a:rPr lang="en-US" altLang="ja-JP" sz="1350" b="1" dirty="0">
                <a:solidFill>
                  <a:schemeClr val="tx1"/>
                </a:solidFill>
              </a:rPr>
              <a:t>PPP/PFI</a:t>
            </a:r>
            <a:r>
              <a:rPr lang="ja-JP" altLang="en-US" sz="1350" b="1" dirty="0">
                <a:solidFill>
                  <a:schemeClr val="tx1"/>
                </a:solidFill>
              </a:rPr>
              <a:t>、包括管理　⇒民間活力の助け必要！</a:t>
            </a:r>
            <a:endParaRPr lang="ja-JP" altLang="en-US" sz="1350" dirty="0">
              <a:solidFill>
                <a:schemeClr val="tx1"/>
              </a:solidFill>
            </a:endParaRPr>
          </a:p>
        </p:txBody>
      </p:sp>
      <p:sp>
        <p:nvSpPr>
          <p:cNvPr id="6" name="矢印: 右 5">
            <a:extLst>
              <a:ext uri="{FF2B5EF4-FFF2-40B4-BE49-F238E27FC236}">
                <a16:creationId xmlns:a16="http://schemas.microsoft.com/office/drawing/2014/main" id="{79247EEF-2675-462B-ADAB-0B4ADDFB9150}"/>
              </a:ext>
            </a:extLst>
          </p:cNvPr>
          <p:cNvSpPr/>
          <p:nvPr/>
        </p:nvSpPr>
        <p:spPr>
          <a:xfrm>
            <a:off x="2919152" y="1882958"/>
            <a:ext cx="733806" cy="363474"/>
          </a:xfrm>
          <a:prstGeom prst="rightArrow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sz="1350" dirty="0"/>
          </a:p>
        </p:txBody>
      </p:sp>
      <p:sp>
        <p:nvSpPr>
          <p:cNvPr id="7" name="矢印: 左 6">
            <a:extLst>
              <a:ext uri="{FF2B5EF4-FFF2-40B4-BE49-F238E27FC236}">
                <a16:creationId xmlns:a16="http://schemas.microsoft.com/office/drawing/2014/main" id="{A9CB35A1-0D1E-4199-BF62-1E0F19F301F9}"/>
              </a:ext>
            </a:extLst>
          </p:cNvPr>
          <p:cNvSpPr/>
          <p:nvPr/>
        </p:nvSpPr>
        <p:spPr>
          <a:xfrm>
            <a:off x="2928107" y="2796286"/>
            <a:ext cx="733806" cy="363474"/>
          </a:xfrm>
          <a:prstGeom prst="leftArrow">
            <a:avLst/>
          </a:prstGeom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sz="1350" dirty="0"/>
          </a:p>
        </p:txBody>
      </p:sp>
      <p:sp>
        <p:nvSpPr>
          <p:cNvPr id="8" name="矢印: 右 7">
            <a:extLst>
              <a:ext uri="{FF2B5EF4-FFF2-40B4-BE49-F238E27FC236}">
                <a16:creationId xmlns:a16="http://schemas.microsoft.com/office/drawing/2014/main" id="{904A46A0-E2A6-408D-B698-77553DB34673}"/>
              </a:ext>
            </a:extLst>
          </p:cNvPr>
          <p:cNvSpPr/>
          <p:nvPr/>
        </p:nvSpPr>
        <p:spPr>
          <a:xfrm>
            <a:off x="2940824" y="3684008"/>
            <a:ext cx="733806" cy="363474"/>
          </a:xfrm>
          <a:prstGeom prst="rightArrow">
            <a:avLst/>
          </a:prstGeom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sz="1350" dirty="0"/>
          </a:p>
        </p:txBody>
      </p:sp>
      <p:sp>
        <p:nvSpPr>
          <p:cNvPr id="9" name="矢印: 左 8">
            <a:extLst>
              <a:ext uri="{FF2B5EF4-FFF2-40B4-BE49-F238E27FC236}">
                <a16:creationId xmlns:a16="http://schemas.microsoft.com/office/drawing/2014/main" id="{5283D245-67E4-4F91-B7A4-3C8980F5236D}"/>
              </a:ext>
            </a:extLst>
          </p:cNvPr>
          <p:cNvSpPr/>
          <p:nvPr/>
        </p:nvSpPr>
        <p:spPr>
          <a:xfrm>
            <a:off x="2902141" y="4435186"/>
            <a:ext cx="733806" cy="363474"/>
          </a:xfrm>
          <a:prstGeom prst="leftArrow">
            <a:avLst/>
          </a:prstGeom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sz="1350" dirty="0"/>
          </a:p>
        </p:txBody>
      </p:sp>
      <p:sp>
        <p:nvSpPr>
          <p:cNvPr id="10" name="テキスト ボックス 9">
            <a:extLst>
              <a:ext uri="{FF2B5EF4-FFF2-40B4-BE49-F238E27FC236}">
                <a16:creationId xmlns:a16="http://schemas.microsoft.com/office/drawing/2014/main" id="{34E4AF9E-9781-4340-84D0-90A3E0F7AADB}"/>
              </a:ext>
            </a:extLst>
          </p:cNvPr>
          <p:cNvSpPr txBox="1"/>
          <p:nvPr/>
        </p:nvSpPr>
        <p:spPr>
          <a:xfrm>
            <a:off x="2772222" y="1569889"/>
            <a:ext cx="1050288" cy="3000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350" dirty="0"/>
              <a:t>必要なもの</a:t>
            </a:r>
          </a:p>
        </p:txBody>
      </p:sp>
      <p:sp>
        <p:nvSpPr>
          <p:cNvPr id="12" name="テキスト ボックス 11">
            <a:extLst>
              <a:ext uri="{FF2B5EF4-FFF2-40B4-BE49-F238E27FC236}">
                <a16:creationId xmlns:a16="http://schemas.microsoft.com/office/drawing/2014/main" id="{7A07F033-E55D-4FD3-8FB3-91F9C289B862}"/>
              </a:ext>
            </a:extLst>
          </p:cNvPr>
          <p:cNvSpPr txBox="1"/>
          <p:nvPr/>
        </p:nvSpPr>
        <p:spPr>
          <a:xfrm>
            <a:off x="3165844" y="3133921"/>
            <a:ext cx="530915" cy="3000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350" dirty="0"/>
              <a:t>支援</a:t>
            </a:r>
          </a:p>
        </p:txBody>
      </p:sp>
      <p:sp>
        <p:nvSpPr>
          <p:cNvPr id="13" name="テキスト ボックス 12">
            <a:extLst>
              <a:ext uri="{FF2B5EF4-FFF2-40B4-BE49-F238E27FC236}">
                <a16:creationId xmlns:a16="http://schemas.microsoft.com/office/drawing/2014/main" id="{0118116F-52D5-4ED3-925D-2ED36506C4CE}"/>
              </a:ext>
            </a:extLst>
          </p:cNvPr>
          <p:cNvSpPr txBox="1"/>
          <p:nvPr/>
        </p:nvSpPr>
        <p:spPr>
          <a:xfrm>
            <a:off x="2729012" y="3392770"/>
            <a:ext cx="1050288" cy="3000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350" dirty="0"/>
              <a:t>必要なもの</a:t>
            </a:r>
          </a:p>
        </p:txBody>
      </p:sp>
      <p:sp>
        <p:nvSpPr>
          <p:cNvPr id="14" name="テキスト ボックス 13">
            <a:extLst>
              <a:ext uri="{FF2B5EF4-FFF2-40B4-BE49-F238E27FC236}">
                <a16:creationId xmlns:a16="http://schemas.microsoft.com/office/drawing/2014/main" id="{AA037EF6-9D72-4936-9313-9D12717ADBB3}"/>
              </a:ext>
            </a:extLst>
          </p:cNvPr>
          <p:cNvSpPr txBox="1"/>
          <p:nvPr/>
        </p:nvSpPr>
        <p:spPr>
          <a:xfrm>
            <a:off x="3031909" y="4817866"/>
            <a:ext cx="530915" cy="3000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350" dirty="0"/>
              <a:t>支援</a:t>
            </a:r>
          </a:p>
        </p:txBody>
      </p:sp>
    </p:spTree>
    <p:extLst>
      <p:ext uri="{BB962C8B-B14F-4D97-AF65-F5344CB8AC3E}">
        <p14:creationId xmlns:p14="http://schemas.microsoft.com/office/powerpoint/2010/main" val="2609688110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スライド番号プレースホルダー 1">
            <a:extLst>
              <a:ext uri="{FF2B5EF4-FFF2-40B4-BE49-F238E27FC236}">
                <a16:creationId xmlns:a16="http://schemas.microsoft.com/office/drawing/2014/main" id="{485805C9-0DE9-9D8A-A5DE-F2EC1F1226D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lnSpc>
                <a:spcPct val="90000"/>
              </a:lnSpc>
              <a:spcBef>
                <a:spcPts val="563"/>
              </a:spcBef>
              <a:buFont typeface="Wingdings 2" panose="05020102010507070707" pitchFamily="18" charset="2"/>
              <a:buChar char=""/>
              <a:defRPr kumimoji="1" sz="1575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556022" indent="-213122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856060" indent="-170260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1125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198960" indent="-170260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1541860" indent="-170260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1884760" indent="-170260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227660" indent="-170260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2570560" indent="-170260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2913460" indent="-170260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100000"/>
              </a:lnSpc>
              <a:spcBef>
                <a:spcPct val="0"/>
              </a:spcBef>
              <a:buFontTx/>
              <a:buNone/>
            </a:pPr>
            <a:r>
              <a:rPr lang="en-US" altLang="ja-JP" sz="900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-</a:t>
            </a:r>
            <a:fld id="{9A5483CD-BF52-423E-AFD1-2F65BE3AA79B}" type="slidenum">
              <a:rPr lang="en-US" altLang="ja-JP" sz="900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pPr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3</a:t>
            </a:fld>
            <a:r>
              <a:rPr lang="en-US" altLang="ja-JP" sz="900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-</a:t>
            </a:r>
          </a:p>
        </p:txBody>
      </p:sp>
      <p:sp>
        <p:nvSpPr>
          <p:cNvPr id="2" name="四角形吹き出し 4">
            <a:extLst>
              <a:ext uri="{FF2B5EF4-FFF2-40B4-BE49-F238E27FC236}">
                <a16:creationId xmlns:a16="http://schemas.microsoft.com/office/drawing/2014/main" id="{B69FB8FB-245C-3AEC-CE78-6151EAA81C57}"/>
              </a:ext>
            </a:extLst>
          </p:cNvPr>
          <p:cNvSpPr/>
          <p:nvPr/>
        </p:nvSpPr>
        <p:spPr>
          <a:xfrm>
            <a:off x="0" y="0"/>
            <a:ext cx="9143999" cy="6858000"/>
          </a:xfrm>
          <a:prstGeom prst="wedgeRectCallout">
            <a:avLst>
              <a:gd name="adj1" fmla="val -47236"/>
              <a:gd name="adj2" fmla="val -14028"/>
            </a:avLst>
          </a:prstGeom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anchor="ctr"/>
          <a:lstStyle/>
          <a:p>
            <a:pPr>
              <a:defRPr/>
            </a:pPr>
            <a:endParaRPr lang="en-US" altLang="ja-JP" sz="1500" dirty="0">
              <a:solidFill>
                <a:schemeClr val="tx1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pPr>
              <a:defRPr/>
            </a:pPr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「</a:t>
            </a:r>
            <a:r>
              <a:rPr lang="ja-JP" altLang="en-US" sz="16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自己紹介」</a:t>
            </a:r>
            <a:endParaRPr lang="en-US" altLang="ja-JP" sz="16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>
              <a:defRPr/>
            </a:pPr>
            <a:endParaRPr lang="en-US" altLang="ja-JP" sz="1600" b="1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出身：栃木県小山市　　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en-US" altLang="ja-JP" sz="1600" b="1" dirty="0">
                <a:solidFill>
                  <a:schemeClr val="tx1"/>
                </a:solidFill>
              </a:rPr>
              <a:t>《</a:t>
            </a:r>
            <a:r>
              <a:rPr lang="ja-JP" altLang="en-US" sz="1600" b="1" dirty="0">
                <a:solidFill>
                  <a:schemeClr val="tx1"/>
                </a:solidFill>
              </a:rPr>
              <a:t>職歴</a:t>
            </a:r>
            <a:r>
              <a:rPr lang="en-US" altLang="ja-JP" sz="1600" b="1" dirty="0">
                <a:solidFill>
                  <a:schemeClr val="tx1"/>
                </a:solidFill>
              </a:rPr>
              <a:t>》</a:t>
            </a:r>
            <a:r>
              <a:rPr lang="ja-JP" altLang="en-US" sz="1600" b="1" dirty="0">
                <a:solidFill>
                  <a:srgbClr val="FF0000"/>
                </a:solidFill>
              </a:rPr>
              <a:t>基準から、計画、設計、施工、維持管理、非破壊検査　まで一環を経験</a:t>
            </a:r>
            <a:endParaRPr lang="en-US" altLang="ja-JP" sz="1600" b="1" dirty="0">
              <a:solidFill>
                <a:srgbClr val="FF0000"/>
              </a:solidFill>
            </a:endParaRPr>
          </a:p>
          <a:p>
            <a:pPr>
              <a:defRPr/>
            </a:pPr>
            <a:r>
              <a:rPr lang="ja-JP" altLang="en-US" sz="1600" b="1" dirty="0">
                <a:solidFill>
                  <a:srgbClr val="FF0000"/>
                </a:solidFill>
              </a:rPr>
              <a:t>　　</a:t>
            </a:r>
            <a:r>
              <a:rPr lang="ja-JP" altLang="en-US" sz="1600" b="1" dirty="0">
                <a:solidFill>
                  <a:schemeClr val="tx1"/>
                </a:solidFill>
              </a:rPr>
              <a:t>橋梁ﾒｰｶｰ　⇒　橋梁の基礎を学ぶ。設計から施工、システム開発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　　ｺﾝｻﾙ　⇒日本のコンサルの技術力の実情がわかった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　　行政（国土ｾﾝﾀｰ）⇒目からうろこの、霞が関の仕事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　　韓国高速道路</a:t>
            </a:r>
            <a:r>
              <a:rPr lang="en-US" altLang="ja-JP" sz="1600" b="1" dirty="0">
                <a:solidFill>
                  <a:schemeClr val="tx1"/>
                </a:solidFill>
              </a:rPr>
              <a:t>PFI</a:t>
            </a:r>
            <a:r>
              <a:rPr lang="ja-JP" altLang="en-US" sz="1600" b="1" dirty="0">
                <a:solidFill>
                  <a:schemeClr val="tx1"/>
                </a:solidFill>
              </a:rPr>
              <a:t>事業（ﾃｸﾆｶﾙｱﾄﾞﾊﾞｲｻﾞｰ）⇒</a:t>
            </a:r>
            <a:r>
              <a:rPr lang="en-US" altLang="ja-JP" sz="1600" b="1" dirty="0">
                <a:solidFill>
                  <a:schemeClr val="tx1"/>
                </a:solidFill>
              </a:rPr>
              <a:t>CM</a:t>
            </a:r>
            <a:r>
              <a:rPr lang="ja-JP" altLang="en-US" sz="1600" b="1" dirty="0">
                <a:solidFill>
                  <a:schemeClr val="tx1"/>
                </a:solidFill>
              </a:rPr>
              <a:t>と</a:t>
            </a:r>
            <a:r>
              <a:rPr lang="en-US" altLang="ja-JP" sz="1600" b="1" dirty="0">
                <a:solidFill>
                  <a:schemeClr val="tx1"/>
                </a:solidFill>
              </a:rPr>
              <a:t>PFI</a:t>
            </a:r>
            <a:r>
              <a:rPr lang="ja-JP" altLang="en-US" sz="1600" b="1" dirty="0" err="1">
                <a:solidFill>
                  <a:schemeClr val="tx1"/>
                </a:solidFill>
              </a:rPr>
              <a:t>。</a:t>
            </a:r>
            <a:r>
              <a:rPr lang="ja-JP" altLang="en-US" sz="1600" b="1" dirty="0">
                <a:solidFill>
                  <a:schemeClr val="tx1"/>
                </a:solidFill>
              </a:rPr>
              <a:t>マネジメント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　　干された時代　大推進課基礎技術懇話会事務局長、土木研究センター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　　　　　　　　　（非破壊検査会社、外資系ｺﾝｻﾙ顧問　等をﾏﾙﾁに）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　　富山市　建設技術統括監　⇒　退官後　政策参与　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　　国際的には当たり前だが、日本では少ない官と民とのハイブリッド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　</a:t>
            </a:r>
            <a:r>
              <a:rPr lang="ja-JP" altLang="en-US" sz="1600" b="1" dirty="0">
                <a:solidFill>
                  <a:srgbClr val="FF0000"/>
                </a:solidFill>
              </a:rPr>
              <a:t>「</a:t>
            </a:r>
            <a:r>
              <a:rPr lang="ja-JP" altLang="ja-JP" sz="1600" b="1" dirty="0">
                <a:solidFill>
                  <a:srgbClr val="FF0000"/>
                </a:solidFill>
              </a:rPr>
              <a:t>何かを学ぶのに、自分で体験する以上に良い方法は無い。</a:t>
            </a:r>
            <a:r>
              <a:rPr lang="ja-JP" altLang="en-US" sz="1600" b="1" dirty="0">
                <a:solidFill>
                  <a:srgbClr val="FF0000"/>
                </a:solidFill>
              </a:rPr>
              <a:t>」（ｱﾝｲｼｭﾀｲﾝ）</a:t>
            </a:r>
            <a:endParaRPr lang="en-US" altLang="ja-JP" sz="1600" b="1" dirty="0">
              <a:solidFill>
                <a:srgbClr val="FF0000"/>
              </a:solidFill>
            </a:endParaRPr>
          </a:p>
          <a:p>
            <a:pPr algn="just">
              <a:defRPr/>
            </a:pPr>
            <a:endParaRPr lang="en-US" altLang="ja-JP" sz="1600" b="1" kern="100" dirty="0">
              <a:solidFill>
                <a:schemeClr val="tx1"/>
              </a:solidFill>
              <a:latin typeface="+mn-ea"/>
              <a:cs typeface="Times New Roman" panose="02020603050405020304" pitchFamily="18" charset="0"/>
            </a:endParaRPr>
          </a:p>
          <a:p>
            <a:pPr algn="just">
              <a:defRPr/>
            </a:pP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【現在】</a:t>
            </a:r>
          </a:p>
          <a:p>
            <a:pPr algn="just">
              <a:defRPr/>
            </a:pP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　植野インフラマネジメントオフィス　代表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⇒　しがない個人事業主</a:t>
            </a:r>
            <a:endParaRPr lang="ja-JP" altLang="ja-JP" sz="1600" b="1" kern="100" dirty="0">
              <a:solidFill>
                <a:schemeClr val="tx1"/>
              </a:solidFill>
              <a:latin typeface="+mn-ea"/>
              <a:cs typeface="Times New Roman" panose="02020603050405020304" pitchFamily="18" charset="0"/>
            </a:endParaRPr>
          </a:p>
          <a:p>
            <a:pPr algn="just">
              <a:defRPr/>
            </a:pP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　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国立研究開発法人　土木研究所　招聘研究員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⇒　診断</a:t>
            </a:r>
            <a:r>
              <a:rPr lang="en-US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AI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システムのアドバイザー</a:t>
            </a:r>
            <a:endParaRPr lang="ja-JP" altLang="ja-JP" sz="1600" b="1" kern="100" dirty="0">
              <a:solidFill>
                <a:schemeClr val="tx1"/>
              </a:solidFill>
              <a:latin typeface="+mn-ea"/>
              <a:cs typeface="Times New Roman" panose="02020603050405020304" pitchFamily="18" charset="0"/>
            </a:endParaRPr>
          </a:p>
          <a:p>
            <a:pPr algn="just">
              <a:defRPr/>
            </a:pP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（一社）国際建造物保全技術協会　理事長</a:t>
            </a:r>
          </a:p>
          <a:p>
            <a:pPr algn="just">
              <a:defRPr/>
            </a:pP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（一社）</a:t>
            </a:r>
            <a:r>
              <a:rPr lang="en-US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JAAM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地域アセットマネジメント推進委員長　</a:t>
            </a:r>
            <a:endParaRPr lang="en-US" altLang="ja-JP" sz="1600" b="1" kern="100" dirty="0">
              <a:solidFill>
                <a:schemeClr val="tx1"/>
              </a:solidFill>
              <a:latin typeface="+mn-ea"/>
              <a:cs typeface="Times New Roman" panose="02020603050405020304" pitchFamily="18" charset="0"/>
            </a:endParaRPr>
          </a:p>
          <a:p>
            <a:pPr algn="just">
              <a:defRPr/>
            </a:pP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　　</a:t>
            </a: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月刊誌　「土木施工」編集委員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endParaRPr lang="en-US" altLang="ja-JP" sz="1600" b="1" kern="100" dirty="0">
              <a:solidFill>
                <a:schemeClr val="tx1"/>
              </a:solidFill>
              <a:latin typeface="+mn-ea"/>
              <a:cs typeface="Times New Roman" panose="02020603050405020304" pitchFamily="18" charset="0"/>
            </a:endParaRPr>
          </a:p>
          <a:p>
            <a:pPr algn="just">
              <a:defRPr/>
            </a:pP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　　</a:t>
            </a:r>
            <a:r>
              <a:rPr lang="en-US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NPO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グリーンアース　理事　（沖縄）</a:t>
            </a:r>
            <a:endParaRPr lang="ja-JP" altLang="ja-JP" sz="1600" b="1" kern="100" dirty="0">
              <a:solidFill>
                <a:schemeClr val="tx1"/>
              </a:solidFill>
              <a:latin typeface="+mn-ea"/>
              <a:cs typeface="Times New Roman" panose="02020603050405020304" pitchFamily="18" charset="0"/>
            </a:endParaRPr>
          </a:p>
          <a:p>
            <a:pPr indent="300031" algn="just">
              <a:defRPr/>
            </a:pP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r>
              <a:rPr lang="en-US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JICA</a:t>
            </a: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道路維持コース　研修講師　（沖縄研修所）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⇒　後進国の　官僚向け</a:t>
            </a:r>
            <a:endParaRPr lang="ja-JP" altLang="ja-JP" sz="1600" b="1" kern="100" dirty="0">
              <a:solidFill>
                <a:schemeClr val="tx1"/>
              </a:solidFill>
              <a:latin typeface="+mn-ea"/>
              <a:cs typeface="Times New Roman" panose="02020603050405020304" pitchFamily="18" charset="0"/>
            </a:endParaRPr>
          </a:p>
          <a:p>
            <a:pPr algn="just">
              <a:defRPr/>
            </a:pP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endParaRPr lang="ja-JP" altLang="ja-JP" sz="1600" b="1" kern="100" dirty="0">
              <a:solidFill>
                <a:schemeClr val="tx1"/>
              </a:solidFill>
              <a:latin typeface="+mn-ea"/>
              <a:cs typeface="Times New Roman" panose="02020603050405020304" pitchFamily="18" charset="0"/>
            </a:endParaRPr>
          </a:p>
          <a:p>
            <a:pPr algn="just">
              <a:defRPr/>
            </a:pP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  <a:r>
              <a:rPr lang="ja-JP" altLang="en-US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　民間企業の顧問　数社　（依頼されれば、相手を判断し引き受けている）</a:t>
            </a:r>
            <a:r>
              <a:rPr lang="ja-JP" altLang="ja-JP" sz="1600" b="1" kern="100" dirty="0">
                <a:solidFill>
                  <a:schemeClr val="tx1"/>
                </a:solidFill>
                <a:latin typeface="+mn-ea"/>
                <a:cs typeface="Times New Roman" panose="02020603050405020304" pitchFamily="18" charset="0"/>
              </a:rPr>
              <a:t>　</a:t>
            </a:r>
          </a:p>
          <a:p>
            <a:pPr algn="just">
              <a:defRPr/>
            </a:pPr>
            <a:r>
              <a:rPr lang="ja-JP" altLang="ja-JP" sz="2000" b="1" kern="100" dirty="0">
                <a:solidFill>
                  <a:schemeClr val="tx1"/>
                </a:solidFill>
                <a:latin typeface="Century" panose="02040604050505020304" pitchFamily="18" charset="0"/>
                <a:ea typeface="ＭＳ 明朝" panose="02020609040205080304" pitchFamily="17" charset="-128"/>
                <a:cs typeface="Times New Roman" panose="02020603050405020304" pitchFamily="18" charset="0"/>
              </a:rPr>
              <a:t>　</a:t>
            </a:r>
          </a:p>
          <a:p>
            <a:pPr>
              <a:defRPr/>
            </a:pPr>
            <a:r>
              <a:rPr lang="ja-JP" altLang="en-US" sz="1200" dirty="0">
                <a:solidFill>
                  <a:schemeClr val="tx1"/>
                </a:solidFill>
              </a:rPr>
              <a:t>　</a:t>
            </a:r>
            <a:endParaRPr lang="ja-JP" altLang="en-US" sz="1200" b="1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92470653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" name="正方形/長方形 25">
            <a:extLst>
              <a:ext uri="{FF2B5EF4-FFF2-40B4-BE49-F238E27FC236}">
                <a16:creationId xmlns:a16="http://schemas.microsoft.com/office/drawing/2014/main" id="{08CB3EA8-B281-4811-9156-4BC66DF972C8}"/>
              </a:ext>
            </a:extLst>
          </p:cNvPr>
          <p:cNvSpPr/>
          <p:nvPr/>
        </p:nvSpPr>
        <p:spPr>
          <a:xfrm>
            <a:off x="387350" y="5464175"/>
            <a:ext cx="3563938" cy="873125"/>
          </a:xfrm>
          <a:prstGeom prst="rect">
            <a:avLst/>
          </a:prstGeom>
          <a:solidFill>
            <a:srgbClr val="3E414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ja-JP" altLang="en-US" sz="2000" dirty="0">
                <a:solidFill>
                  <a:schemeClr val="bg1"/>
                </a:solidFill>
                <a:latin typeface="+mj-ea"/>
                <a:ea typeface="+mj-ea"/>
              </a:rPr>
              <a:t>修繕の実施まで使用制限</a:t>
            </a:r>
            <a:endParaRPr lang="en-US" altLang="ja-JP" sz="2000" dirty="0">
              <a:solidFill>
                <a:schemeClr val="bg1"/>
              </a:solidFill>
              <a:latin typeface="+mj-ea"/>
              <a:ea typeface="+mj-ea"/>
            </a:endParaRPr>
          </a:p>
          <a:p>
            <a:pPr algn="ctr">
              <a:defRPr/>
            </a:pPr>
            <a:r>
              <a:rPr lang="ja-JP" altLang="en-US" sz="2000" dirty="0">
                <a:solidFill>
                  <a:schemeClr val="bg1"/>
                </a:solidFill>
                <a:latin typeface="+mj-ea"/>
                <a:ea typeface="+mj-ea"/>
              </a:rPr>
              <a:t>事故等を防ぐため経過観察</a:t>
            </a:r>
            <a:endParaRPr lang="en-US" altLang="ja-JP" sz="2000" dirty="0">
              <a:solidFill>
                <a:schemeClr val="bg1"/>
              </a:solidFill>
              <a:latin typeface="+mj-ea"/>
              <a:ea typeface="+mj-ea"/>
            </a:endParaRPr>
          </a:p>
        </p:txBody>
      </p:sp>
      <p:sp>
        <p:nvSpPr>
          <p:cNvPr id="27" name="正方形/長方形 26">
            <a:extLst>
              <a:ext uri="{FF2B5EF4-FFF2-40B4-BE49-F238E27FC236}">
                <a16:creationId xmlns:a16="http://schemas.microsoft.com/office/drawing/2014/main" id="{260CE3E9-256E-4297-BEAA-B2A6D895F0EC}"/>
              </a:ext>
            </a:extLst>
          </p:cNvPr>
          <p:cNvSpPr/>
          <p:nvPr/>
        </p:nvSpPr>
        <p:spPr>
          <a:xfrm>
            <a:off x="4999038" y="5499100"/>
            <a:ext cx="3287712" cy="715963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ja-JP" altLang="en-US" sz="2000" dirty="0">
                <a:solidFill>
                  <a:srgbClr val="FF0066"/>
                </a:solidFill>
                <a:latin typeface="+mj-ea"/>
                <a:ea typeface="+mj-ea"/>
              </a:rPr>
              <a:t>優先的に維持修繕・更新を実施</a:t>
            </a:r>
            <a:endParaRPr lang="en-US" altLang="ja-JP" sz="2000" dirty="0">
              <a:solidFill>
                <a:srgbClr val="FF0066"/>
              </a:solidFill>
              <a:latin typeface="+mj-ea"/>
              <a:ea typeface="+mj-ea"/>
            </a:endParaRPr>
          </a:p>
        </p:txBody>
      </p:sp>
      <p:sp>
        <p:nvSpPr>
          <p:cNvPr id="28" name="Rectangle 8">
            <a:extLst>
              <a:ext uri="{FF2B5EF4-FFF2-40B4-BE49-F238E27FC236}">
                <a16:creationId xmlns:a16="http://schemas.microsoft.com/office/drawing/2014/main" id="{C549D197-9A8D-4DD2-9293-7A0698B905EA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2563" y="358775"/>
            <a:ext cx="7921625" cy="431800"/>
          </a:xfrm>
          <a:prstGeom prst="rect">
            <a:avLst/>
          </a:prstGeom>
          <a:noFill/>
          <a:ln>
            <a:noFill/>
          </a:ln>
        </p:spPr>
        <p:txBody>
          <a:bodyPr lIns="91411" tIns="45705" rIns="91411" bIns="45705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>
              <a:defRPr/>
            </a:pPr>
            <a:r>
              <a:rPr lang="ja-JP" altLang="en-US" sz="3200" dirty="0">
                <a:solidFill>
                  <a:srgbClr val="007099"/>
                </a:solidFill>
                <a:latin typeface="+mj-ea"/>
                <a:ea typeface="+mj-ea"/>
              </a:rPr>
              <a:t>橋梁トリアージ　という考え方</a:t>
            </a:r>
            <a:endParaRPr lang="en-US" altLang="ja-JP" sz="3200" dirty="0">
              <a:solidFill>
                <a:srgbClr val="007099"/>
              </a:solidFill>
              <a:latin typeface="+mj-ea"/>
              <a:ea typeface="+mj-ea"/>
            </a:endParaRPr>
          </a:p>
          <a:p>
            <a:pPr eaLnBrk="1" hangingPunct="1">
              <a:defRPr/>
            </a:pPr>
            <a:r>
              <a:rPr lang="ja-JP" altLang="en-US" dirty="0">
                <a:solidFill>
                  <a:srgbClr val="007099"/>
                </a:solidFill>
                <a:latin typeface="+mj-ea"/>
                <a:ea typeface="+mj-ea"/>
              </a:rPr>
              <a:t>　　　　　　　　　　選択と集中、プライオリティ　</a:t>
            </a:r>
          </a:p>
        </p:txBody>
      </p:sp>
      <p:sp>
        <p:nvSpPr>
          <p:cNvPr id="30" name="正方形/長方形 29">
            <a:extLst>
              <a:ext uri="{FF2B5EF4-FFF2-40B4-BE49-F238E27FC236}">
                <a16:creationId xmlns:a16="http://schemas.microsoft.com/office/drawing/2014/main" id="{EC0C17AB-BA4A-44FC-AAB5-1E8E087C26ED}"/>
              </a:ext>
            </a:extLst>
          </p:cNvPr>
          <p:cNvSpPr/>
          <p:nvPr/>
        </p:nvSpPr>
        <p:spPr>
          <a:xfrm>
            <a:off x="550863" y="1874838"/>
            <a:ext cx="3516312" cy="760412"/>
          </a:xfrm>
          <a:prstGeom prst="rect">
            <a:avLst/>
          </a:prstGeom>
          <a:noFill/>
          <a:ln w="38100" cap="flat" cmpd="sng" algn="ctr">
            <a:solidFill>
              <a:srgbClr val="72640A"/>
            </a:solidFill>
            <a:prstDash val="solid"/>
            <a:miter lim="800000"/>
          </a:ln>
          <a:effectLst/>
        </p:spPr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ja-JP" altLang="en-US" sz="2000" kern="0" dirty="0">
                <a:solidFill>
                  <a:srgbClr val="3E4143"/>
                </a:solidFill>
                <a:latin typeface="メイリオ"/>
                <a:ea typeface="メイリオ"/>
              </a:rPr>
              <a:t>利用者が限定的な橋梁</a:t>
            </a:r>
            <a:endParaRPr kumimoji="0" lang="en-US" altLang="ja-JP" sz="2000" kern="0" dirty="0">
              <a:solidFill>
                <a:srgbClr val="3E4143"/>
              </a:solidFill>
              <a:latin typeface="メイリオ"/>
              <a:ea typeface="メイリオ"/>
            </a:endParaRPr>
          </a:p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ja-JP" altLang="en-US" sz="2000" kern="0" dirty="0">
                <a:solidFill>
                  <a:srgbClr val="3E4143"/>
                </a:solidFill>
                <a:latin typeface="メイリオ"/>
                <a:ea typeface="メイリオ"/>
              </a:rPr>
              <a:t>迂回が可能</a:t>
            </a:r>
            <a:endParaRPr kumimoji="0" lang="en-US" altLang="ja-JP" sz="2000" kern="0" dirty="0">
              <a:solidFill>
                <a:srgbClr val="3E4143"/>
              </a:solidFill>
              <a:latin typeface="メイリオ"/>
              <a:ea typeface="メイリオ"/>
            </a:endParaRPr>
          </a:p>
        </p:txBody>
      </p:sp>
      <p:sp>
        <p:nvSpPr>
          <p:cNvPr id="31" name="正方形/長方形 30">
            <a:extLst>
              <a:ext uri="{FF2B5EF4-FFF2-40B4-BE49-F238E27FC236}">
                <a16:creationId xmlns:a16="http://schemas.microsoft.com/office/drawing/2014/main" id="{172D69D5-22B1-4059-8BC4-04B64A7376A9}"/>
              </a:ext>
            </a:extLst>
          </p:cNvPr>
          <p:cNvSpPr/>
          <p:nvPr/>
        </p:nvSpPr>
        <p:spPr>
          <a:xfrm>
            <a:off x="5040313" y="1860550"/>
            <a:ext cx="3208337" cy="733425"/>
          </a:xfrm>
          <a:prstGeom prst="rect">
            <a:avLst/>
          </a:prstGeom>
          <a:noFill/>
          <a:ln w="38100" cap="flat" cmpd="sng" algn="ctr">
            <a:solidFill>
              <a:srgbClr val="72640A"/>
            </a:solidFill>
            <a:prstDash val="solid"/>
            <a:miter lim="800000"/>
          </a:ln>
          <a:effectLst/>
        </p:spPr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ja-JP" altLang="en-US" sz="2000" kern="0" dirty="0">
                <a:solidFill>
                  <a:srgbClr val="3E4143"/>
                </a:solidFill>
                <a:latin typeface="メイリオ"/>
                <a:ea typeface="メイリオ"/>
              </a:rPr>
              <a:t>都市活動を支える</a:t>
            </a:r>
            <a:endParaRPr kumimoji="0" lang="en-US" altLang="ja-JP" sz="2000" kern="0" dirty="0">
              <a:solidFill>
                <a:srgbClr val="3E4143"/>
              </a:solidFill>
              <a:latin typeface="メイリオ"/>
              <a:ea typeface="メイリオ"/>
            </a:endParaRPr>
          </a:p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kumimoji="0" lang="ja-JP" altLang="en-US" sz="2000" kern="0" dirty="0">
                <a:solidFill>
                  <a:srgbClr val="3E4143"/>
                </a:solidFill>
                <a:latin typeface="メイリオ"/>
                <a:ea typeface="メイリオ"/>
              </a:rPr>
              <a:t>主要な橋梁</a:t>
            </a:r>
            <a:endParaRPr kumimoji="0" lang="en-US" altLang="ja-JP" sz="2000" kern="0" dirty="0">
              <a:solidFill>
                <a:srgbClr val="3E4143"/>
              </a:solidFill>
              <a:latin typeface="メイリオ"/>
              <a:ea typeface="メイリオ"/>
            </a:endParaRPr>
          </a:p>
        </p:txBody>
      </p:sp>
      <p:sp>
        <p:nvSpPr>
          <p:cNvPr id="69640" name="テキスト ボックス 2">
            <a:extLst>
              <a:ext uri="{FF2B5EF4-FFF2-40B4-BE49-F238E27FC236}">
                <a16:creationId xmlns:a16="http://schemas.microsoft.com/office/drawing/2014/main" id="{55A96CF0-F18E-4997-B12C-15CA5EE7B0C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673475" y="4397375"/>
            <a:ext cx="1366838" cy="1200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en-US" altLang="ja-JP" sz="1400">
                <a:latin typeface="Arial" panose="020B0604020202020204" pitchFamily="34" charset="0"/>
              </a:rPr>
              <a:t>【</a:t>
            </a:r>
            <a:r>
              <a:rPr lang="ja-JP" altLang="en-US" sz="1400">
                <a:latin typeface="Arial" panose="020B0604020202020204" pitchFamily="34" charset="0"/>
              </a:rPr>
              <a:t>判断</a:t>
            </a:r>
            <a:r>
              <a:rPr lang="en-US" altLang="ja-JP" sz="1400">
                <a:latin typeface="Arial" panose="020B0604020202020204" pitchFamily="34" charset="0"/>
              </a:rPr>
              <a:t>】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1400">
                <a:latin typeface="Arial" panose="020B0604020202020204" pitchFamily="34" charset="0"/>
              </a:rPr>
              <a:t>使用制限</a:t>
            </a:r>
            <a:endParaRPr lang="en-US" altLang="ja-JP" sz="1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1400">
                <a:latin typeface="Arial" panose="020B0604020202020204" pitchFamily="34" charset="0"/>
              </a:rPr>
              <a:t>モニタリング</a:t>
            </a:r>
            <a:endParaRPr lang="en-US" altLang="ja-JP" sz="1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ja-JP" altLang="en-US" sz="1400">
              <a:latin typeface="Arial" panose="020B0604020202020204" pitchFamily="34" charset="0"/>
            </a:endParaRPr>
          </a:p>
        </p:txBody>
      </p:sp>
      <p:sp>
        <p:nvSpPr>
          <p:cNvPr id="69641" name="テキスト ボックス 28">
            <a:extLst>
              <a:ext uri="{FF2B5EF4-FFF2-40B4-BE49-F238E27FC236}">
                <a16:creationId xmlns:a16="http://schemas.microsoft.com/office/drawing/2014/main" id="{2ADD04EB-7E74-4F3E-A2AF-EB817E3B7B6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248650" y="4248150"/>
            <a:ext cx="876300" cy="1200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en-US" altLang="ja-JP" sz="1400">
                <a:latin typeface="Arial" panose="020B0604020202020204" pitchFamily="34" charset="0"/>
              </a:rPr>
              <a:t>【</a:t>
            </a:r>
            <a:r>
              <a:rPr lang="ja-JP" altLang="en-US" sz="1400">
                <a:latin typeface="Arial" panose="020B0604020202020204" pitchFamily="34" charset="0"/>
              </a:rPr>
              <a:t>判断</a:t>
            </a:r>
            <a:r>
              <a:rPr lang="en-US" altLang="ja-JP" sz="1400">
                <a:latin typeface="Arial" panose="020B0604020202020204" pitchFamily="34" charset="0"/>
              </a:rPr>
              <a:t>】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1400">
                <a:latin typeface="Arial" panose="020B0604020202020204" pitchFamily="34" charset="0"/>
              </a:rPr>
              <a:t>補修</a:t>
            </a:r>
            <a:endParaRPr lang="en-US" altLang="ja-JP" sz="1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1400">
                <a:latin typeface="Arial" panose="020B0604020202020204" pitchFamily="34" charset="0"/>
              </a:rPr>
              <a:t>更新</a:t>
            </a:r>
            <a:endParaRPr lang="en-US" altLang="ja-JP" sz="1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ja-JP" altLang="en-US" sz="1400">
              <a:latin typeface="Arial" panose="020B0604020202020204" pitchFamily="34" charset="0"/>
            </a:endParaRPr>
          </a:p>
        </p:txBody>
      </p:sp>
      <p:pic>
        <p:nvPicPr>
          <p:cNvPr id="69642" name="図 3">
            <a:extLst>
              <a:ext uri="{FF2B5EF4-FFF2-40B4-BE49-F238E27FC236}">
                <a16:creationId xmlns:a16="http://schemas.microsoft.com/office/drawing/2014/main" id="{C816517B-6204-4C19-A593-F964D134C4C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8313" y="2817813"/>
            <a:ext cx="2851150" cy="2139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9643" name="図 1">
            <a:extLst>
              <a:ext uri="{FF2B5EF4-FFF2-40B4-BE49-F238E27FC236}">
                <a16:creationId xmlns:a16="http://schemas.microsoft.com/office/drawing/2014/main" id="{7F785EB1-93F7-4BF9-9888-6D588D9DDBD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19700" y="2946400"/>
            <a:ext cx="2852738" cy="17764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Rectangle 17">
            <a:extLst>
              <a:ext uri="{FF2B5EF4-FFF2-40B4-BE49-F238E27FC236}">
                <a16:creationId xmlns:a16="http://schemas.microsoft.com/office/drawing/2014/main" id="{A029819D-3515-47FF-81D8-EE07C02BA568}"/>
              </a:ext>
            </a:extLst>
          </p:cNvPr>
          <p:cNvSpPr>
            <a:spLocks noChangeArrowheads="1"/>
          </p:cNvSpPr>
          <p:nvPr/>
        </p:nvSpPr>
        <p:spPr bwMode="auto">
          <a:xfrm>
            <a:off x="89693" y="969170"/>
            <a:ext cx="8964613" cy="6080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lnSpc>
                <a:spcPct val="80000"/>
              </a:lnSpc>
              <a:buFontTx/>
              <a:buNone/>
            </a:pPr>
            <a:r>
              <a:rPr lang="ja-JP" altLang="en-US" sz="2800" b="1" dirty="0">
                <a:solidFill>
                  <a:srgbClr val="FF0000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実は「トリアージ」という発言は、戦略的に使用！</a:t>
            </a:r>
            <a:endParaRPr lang="en-US" altLang="ja-JP" sz="2800" b="1" dirty="0">
              <a:solidFill>
                <a:srgbClr val="FF0000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  <a:p>
            <a:pPr eaLnBrk="1" hangingPunct="1">
              <a:lnSpc>
                <a:spcPct val="80000"/>
              </a:lnSpc>
              <a:buFontTx/>
              <a:buNone/>
            </a:pPr>
            <a:r>
              <a:rPr lang="ja-JP" altLang="en-US" sz="2800" b="1" dirty="0">
                <a:solidFill>
                  <a:srgbClr val="FF0000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危機感を持たせ、物議をかもさせるために！</a:t>
            </a:r>
            <a:endParaRPr lang="en-US" altLang="ja-JP" sz="2800" b="1" dirty="0">
              <a:solidFill>
                <a:srgbClr val="FF0000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  <a:p>
            <a:pPr eaLnBrk="1" hangingPunct="1">
              <a:lnSpc>
                <a:spcPct val="80000"/>
              </a:lnSpc>
              <a:buFontTx/>
              <a:buNone/>
            </a:pPr>
            <a:endParaRPr lang="en-US" altLang="ja-JP" sz="2800" b="1" dirty="0">
              <a:solidFill>
                <a:srgbClr val="000066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009567186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正方形/長方形 17"/>
          <p:cNvSpPr/>
          <p:nvPr/>
        </p:nvSpPr>
        <p:spPr>
          <a:xfrm>
            <a:off x="738634" y="2211722"/>
            <a:ext cx="7865814" cy="2370747"/>
          </a:xfrm>
          <a:prstGeom prst="rect">
            <a:avLst/>
          </a:prstGeom>
          <a:solidFill>
            <a:schemeClr val="bg1"/>
          </a:solidFill>
          <a:ln w="3175">
            <a:solidFill>
              <a:srgbClr val="FF00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dist"/>
            <a:endParaRPr kumimoji="1" lang="ja-JP" altLang="en-US" sz="16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15" name="左矢印 14"/>
          <p:cNvSpPr/>
          <p:nvPr/>
        </p:nvSpPr>
        <p:spPr>
          <a:xfrm>
            <a:off x="3902374" y="3397095"/>
            <a:ext cx="648072" cy="270000"/>
          </a:xfrm>
          <a:prstGeom prst="leftArrow">
            <a:avLst/>
          </a:prstGeom>
          <a:solidFill>
            <a:schemeClr val="accent1">
              <a:lumMod val="60000"/>
              <a:lumOff val="40000"/>
            </a:schemeClr>
          </a:solidFill>
          <a:ln w="3175">
            <a:solidFill>
              <a:schemeClr val="tx1"/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kumimoji="1" lang="ja-JP" altLang="en-US" dirty="0"/>
          </a:p>
        </p:txBody>
      </p:sp>
      <p:sp>
        <p:nvSpPr>
          <p:cNvPr id="14" name="下矢印 13"/>
          <p:cNvSpPr/>
          <p:nvPr/>
        </p:nvSpPr>
        <p:spPr>
          <a:xfrm>
            <a:off x="3566544" y="2724308"/>
            <a:ext cx="320440" cy="1178368"/>
          </a:xfrm>
          <a:prstGeom prst="downArrow">
            <a:avLst/>
          </a:prstGeom>
          <a:solidFill>
            <a:schemeClr val="accent1">
              <a:lumMod val="60000"/>
              <a:lumOff val="40000"/>
            </a:schemeClr>
          </a:solidFill>
          <a:ln w="3175">
            <a:solidFill>
              <a:schemeClr val="tx1"/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2" name="Rectangle 8"/>
          <p:cNvSpPr>
            <a:spLocks noChangeArrowheads="1"/>
          </p:cNvSpPr>
          <p:nvPr/>
        </p:nvSpPr>
        <p:spPr bwMode="auto">
          <a:xfrm>
            <a:off x="179388" y="360000"/>
            <a:ext cx="7921625" cy="43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/>
            <a:endParaRPr lang="ja-JP" altLang="en-US" dirty="0">
              <a:solidFill>
                <a:srgbClr val="000000"/>
              </a:solidFill>
              <a:ea typeface="HGPｺﾞｼｯｸE" pitchFamily="50" charset="-128"/>
            </a:endParaRPr>
          </a:p>
        </p:txBody>
      </p:sp>
      <p:sp>
        <p:nvSpPr>
          <p:cNvPr id="3" name="Rectangle 8"/>
          <p:cNvSpPr>
            <a:spLocks noChangeArrowheads="1"/>
          </p:cNvSpPr>
          <p:nvPr/>
        </p:nvSpPr>
        <p:spPr bwMode="auto">
          <a:xfrm>
            <a:off x="147296" y="476672"/>
            <a:ext cx="8745184" cy="43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3200" dirty="0">
                <a:ea typeface="HGPｺﾞｼｯｸE" pitchFamily="50" charset="-128"/>
              </a:rPr>
              <a:t>橋梁トリアージ⇒</a:t>
            </a:r>
            <a:r>
              <a:rPr lang="ja-JP" altLang="en-US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事態の緊急性と深刻性を市民に伝える</a:t>
            </a:r>
            <a:endParaRPr lang="en-US" altLang="ja-JP" dirty="0">
              <a:ea typeface="HGPｺﾞｼｯｸE" pitchFamily="50" charset="-128"/>
            </a:endParaRPr>
          </a:p>
          <a:p>
            <a:pPr eaLnBrk="1" hangingPunct="1"/>
            <a:r>
              <a:rPr lang="ja-JP" altLang="en-US" dirty="0">
                <a:solidFill>
                  <a:srgbClr val="FF0000"/>
                </a:solidFill>
                <a:ea typeface="HGPｺﾞｼｯｸE" pitchFamily="50" charset="-128"/>
              </a:rPr>
              <a:t>　　　　　　　　　　　　　　　　　</a:t>
            </a:r>
            <a:endParaRPr lang="en-US" altLang="ja-JP" dirty="0">
              <a:solidFill>
                <a:srgbClr val="FF0000"/>
              </a:solidFill>
              <a:ea typeface="HGPｺﾞｼｯｸE" pitchFamily="50" charset="-128"/>
            </a:endParaRPr>
          </a:p>
          <a:p>
            <a:pPr eaLnBrk="1" hangingPunct="1"/>
            <a:endParaRPr lang="ja-JP" altLang="en-US" dirty="0">
              <a:solidFill>
                <a:srgbClr val="000000"/>
              </a:solidFill>
              <a:ea typeface="HGPｺﾞｼｯｸE" pitchFamily="50" charset="-128"/>
            </a:endParaRPr>
          </a:p>
        </p:txBody>
      </p:sp>
      <p:sp>
        <p:nvSpPr>
          <p:cNvPr id="4" name="Rectangle 17"/>
          <p:cNvSpPr>
            <a:spLocks noChangeArrowheads="1"/>
          </p:cNvSpPr>
          <p:nvPr/>
        </p:nvSpPr>
        <p:spPr bwMode="auto">
          <a:xfrm>
            <a:off x="132736" y="1124744"/>
            <a:ext cx="8569325" cy="9686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342900" indent="-3429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itchFamily="2" charset="2"/>
              <a:buChar char="Ø"/>
            </a:pPr>
            <a:r>
              <a:rPr lang="ja-JP" altLang="en-US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措置的維持管理から「選択と集中」による維持管理へ。</a:t>
            </a:r>
            <a:endParaRPr lang="en-US" altLang="ja-JP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itchFamily="2" charset="2"/>
              <a:buChar char="Ø"/>
            </a:pPr>
            <a:r>
              <a:rPr lang="ja-JP" altLang="en-US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予算不足をマネジメントすること</a:t>
            </a:r>
            <a:endParaRPr lang="en-US" altLang="ja-JP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itchFamily="2" charset="2"/>
              <a:buChar char="Ø"/>
            </a:pPr>
            <a:r>
              <a:rPr lang="ja-JP" altLang="en-US" b="1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事態の緊急性と有効性を判断する必要性</a:t>
            </a:r>
            <a:endParaRPr lang="ja-JP" altLang="ja-JP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11" name="正方形/長方形 10"/>
          <p:cNvSpPr/>
          <p:nvPr/>
        </p:nvSpPr>
        <p:spPr>
          <a:xfrm>
            <a:off x="1112652" y="2328308"/>
            <a:ext cx="6120680" cy="396000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dist"/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評価軸１　社会的性質［公共性、まちづくり］</a:t>
            </a:r>
          </a:p>
        </p:txBody>
      </p:sp>
      <p:sp>
        <p:nvSpPr>
          <p:cNvPr id="12" name="正方形/長方形 11"/>
          <p:cNvSpPr/>
          <p:nvPr/>
        </p:nvSpPr>
        <p:spPr>
          <a:xfrm>
            <a:off x="1112652" y="2803096"/>
            <a:ext cx="6120680" cy="396000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dist"/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評価軸２　技術的性質［健全性、構造の特殊性］</a:t>
            </a:r>
          </a:p>
        </p:txBody>
      </p:sp>
      <p:sp>
        <p:nvSpPr>
          <p:cNvPr id="13" name="正方形/長方形 12"/>
          <p:cNvSpPr/>
          <p:nvPr/>
        </p:nvSpPr>
        <p:spPr>
          <a:xfrm>
            <a:off x="4519888" y="3313492"/>
            <a:ext cx="3538977" cy="540000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橋梁個々に考慮すべき事項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/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［劣化原因、措置コスト等］</a:t>
            </a:r>
          </a:p>
        </p:txBody>
      </p:sp>
      <p:sp>
        <p:nvSpPr>
          <p:cNvPr id="17" name="正方形/長方形 16"/>
          <p:cNvSpPr/>
          <p:nvPr/>
        </p:nvSpPr>
        <p:spPr>
          <a:xfrm>
            <a:off x="2030166" y="4077072"/>
            <a:ext cx="3744416" cy="396000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 w="3175">
            <a:solidFill>
              <a:schemeClr val="tx1">
                <a:lumMod val="75000"/>
                <a:lumOff val="2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dist"/>
            <a:r>
              <a:rPr kumimoji="1" lang="ja-JP" altLang="en-US" sz="2400" b="1" dirty="0">
                <a:solidFill>
                  <a:schemeClr val="bg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措置の優先度</a:t>
            </a:r>
          </a:p>
        </p:txBody>
      </p:sp>
      <p:sp>
        <p:nvSpPr>
          <p:cNvPr id="20" name="テキスト ボックス 37"/>
          <p:cNvSpPr txBox="1">
            <a:spLocks noChangeArrowheads="1"/>
          </p:cNvSpPr>
          <p:nvPr/>
        </p:nvSpPr>
        <p:spPr bwMode="auto">
          <a:xfrm>
            <a:off x="2258634" y="4473072"/>
            <a:ext cx="4248472" cy="40011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algn="ctr" eaLnBrk="1" hangingPunct="1"/>
            <a:r>
              <a:rPr lang="ja-JP" altLang="en-US" sz="2000" dirty="0">
                <a:solidFill>
                  <a:srgbClr val="000000"/>
                </a:solidFill>
                <a:latin typeface="HG丸ｺﾞｼｯｸM-PRO" pitchFamily="50" charset="-128"/>
                <a:ea typeface="HG丸ｺﾞｼｯｸM-PRO" pitchFamily="50" charset="-128"/>
              </a:rPr>
              <a:t>橋梁トリアージフロー</a:t>
            </a:r>
          </a:p>
        </p:txBody>
      </p:sp>
      <p:sp>
        <p:nvSpPr>
          <p:cNvPr id="19" name="正方形/長方形 18"/>
          <p:cNvSpPr/>
          <p:nvPr/>
        </p:nvSpPr>
        <p:spPr>
          <a:xfrm>
            <a:off x="1132248" y="4873182"/>
            <a:ext cx="6120680" cy="396000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dist"/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管理区分の設定（</a:t>
            </a:r>
            <a:r>
              <a:rPr kumimoji="1" lang="en-US" altLang="ja-JP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A</a:t>
            </a:r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～</a:t>
            </a:r>
            <a:r>
              <a:rPr kumimoji="1" lang="en-US" altLang="ja-JP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D</a:t>
            </a:r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）</a:t>
            </a:r>
          </a:p>
        </p:txBody>
      </p:sp>
      <p:sp>
        <p:nvSpPr>
          <p:cNvPr id="21" name="正方形/長方形 20"/>
          <p:cNvSpPr/>
          <p:nvPr/>
        </p:nvSpPr>
        <p:spPr>
          <a:xfrm>
            <a:off x="1143336" y="5399700"/>
            <a:ext cx="6120680" cy="396000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dist"/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優先度の評価</a:t>
            </a:r>
            <a:endParaRPr kumimoji="1" lang="ja-JP" altLang="en-US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5" name="正方形/長方形 4"/>
          <p:cNvSpPr/>
          <p:nvPr/>
        </p:nvSpPr>
        <p:spPr>
          <a:xfrm>
            <a:off x="325909" y="6016476"/>
            <a:ext cx="869126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0"/>
              </a:spcBef>
            </a:pPr>
            <a:r>
              <a:rPr lang="ja-JP" altLang="en-US" sz="28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⇒プロジェクトにおいて、優先順位をつけることは重要！</a:t>
            </a:r>
          </a:p>
        </p:txBody>
      </p:sp>
    </p:spTree>
    <p:extLst>
      <p:ext uri="{BB962C8B-B14F-4D97-AF65-F5344CB8AC3E}">
        <p14:creationId xmlns:p14="http://schemas.microsoft.com/office/powerpoint/2010/main" val="2446934337"/>
      </p:ext>
    </p:extLst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kumimoji="1" lang="en-US" altLang="ja-JP"/>
              <a:t>-</a:t>
            </a:r>
            <a:fld id="{7D5A2C38-BF5A-4117-A3B3-4E986D472ED9}" type="slidenum">
              <a:rPr kumimoji="1" lang="ja-JP" altLang="en-US" smtClean="0"/>
              <a:t>32</a:t>
            </a:fld>
            <a:r>
              <a:rPr kumimoji="1" lang="en-US" altLang="ja-JP"/>
              <a:t>-</a:t>
            </a:r>
            <a:endParaRPr kumimoji="1" lang="ja-JP" altLang="en-US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3291" y="4077430"/>
            <a:ext cx="3375028" cy="253127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27867" y="3881487"/>
            <a:ext cx="3636286" cy="27272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16290" y="941490"/>
            <a:ext cx="3393664" cy="22473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テキスト ボックス 2"/>
          <p:cNvSpPr txBox="1"/>
          <p:nvPr/>
        </p:nvSpPr>
        <p:spPr>
          <a:xfrm>
            <a:off x="843291" y="249299"/>
            <a:ext cx="4801314" cy="363176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3000" dirty="0"/>
              <a:t>補修オリンピック　の開催</a:t>
            </a:r>
            <a:endParaRPr lang="en-US" altLang="ja-JP" sz="3000" dirty="0"/>
          </a:p>
          <a:p>
            <a:r>
              <a:rPr lang="ja-JP" altLang="en-US" sz="2000" b="1" dirty="0"/>
              <a:t>補修材料・工法の有効性評価</a:t>
            </a:r>
            <a:endParaRPr lang="en-US" altLang="ja-JP" sz="2000" b="1" dirty="0"/>
          </a:p>
          <a:p>
            <a:endParaRPr lang="en-US" altLang="ja-JP" sz="2000" dirty="0"/>
          </a:p>
          <a:p>
            <a:r>
              <a:rPr lang="ja-JP" altLang="en-US" sz="2000" dirty="0"/>
              <a:t>テーマは　要相談</a:t>
            </a:r>
            <a:endParaRPr lang="en-US" altLang="ja-JP" sz="2000" dirty="0"/>
          </a:p>
          <a:p>
            <a:r>
              <a:rPr lang="ja-JP" altLang="en-US" sz="2000" dirty="0"/>
              <a:t>フィールド提供し実証実験</a:t>
            </a:r>
            <a:endParaRPr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有効なものに関しては富山市</a:t>
            </a:r>
            <a:endParaRPr lang="en-US" altLang="ja-JP" sz="2000" dirty="0"/>
          </a:p>
          <a:p>
            <a:r>
              <a:rPr lang="ja-JP" altLang="en-US" sz="2000" dirty="0"/>
              <a:t>標準工法に</a:t>
            </a:r>
            <a:endParaRPr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評価は、富山市、金沢大、金沢工大、</a:t>
            </a:r>
            <a:endParaRPr lang="en-US" altLang="ja-JP" sz="2000" dirty="0"/>
          </a:p>
          <a:p>
            <a:r>
              <a:rPr lang="ja-JP" altLang="en-US" sz="2000" dirty="0"/>
              <a:t>福井大、富山県立大、石川高専の教授</a:t>
            </a:r>
          </a:p>
        </p:txBody>
      </p:sp>
    </p:spTree>
    <p:extLst>
      <p:ext uri="{BB962C8B-B14F-4D97-AF65-F5344CB8AC3E}">
        <p14:creationId xmlns:p14="http://schemas.microsoft.com/office/powerpoint/2010/main" val="2278124977"/>
      </p:ext>
    </p:extLst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1602486" y="5487353"/>
            <a:ext cx="1485900" cy="274320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1pPr>
            <a:lvl2pPr marL="557213" indent="-214313" eaLnBrk="0" hangingPunct="0">
              <a:spcBef>
                <a:spcPct val="20000"/>
              </a:spcBef>
              <a:buChar char="–"/>
              <a:defRPr kumimoji="1" sz="21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2pPr>
            <a:lvl3pPr marL="857250" indent="-171450" eaLnBrk="0" hangingPunct="0">
              <a:spcBef>
                <a:spcPct val="20000"/>
              </a:spcBef>
              <a:buChar char="•"/>
              <a:defRPr kumimoji="1" sz="18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3pPr>
            <a:lvl4pPr marL="1200150" indent="-171450" eaLnBrk="0" hangingPunct="0">
              <a:spcBef>
                <a:spcPct val="20000"/>
              </a:spcBef>
              <a:buChar char="–"/>
              <a:defRPr kumimoji="1" sz="15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4pPr>
            <a:lvl5pPr marL="1543050" indent="-171450" eaLnBrk="0" hangingPunct="0">
              <a:spcBef>
                <a:spcPct val="20000"/>
              </a:spcBef>
              <a:buChar char="»"/>
              <a:defRPr kumimoji="1" sz="15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5pPr>
            <a:lvl6pPr marL="1885950" indent="-17145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15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6pPr>
            <a:lvl7pPr marL="2228850" indent="-17145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15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7pPr>
            <a:lvl8pPr marL="2571750" indent="-17145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15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8pPr>
            <a:lvl9pPr marL="2914650" indent="-17145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15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ja-JP" sz="900">
                <a:solidFill>
                  <a:schemeClr val="bg1"/>
                </a:solidFill>
                <a:latin typeface="HGPｺﾞｼｯｸE" pitchFamily="50" charset="-128"/>
                <a:ea typeface="HGPｺﾞｼｯｸE" pitchFamily="50" charset="-128"/>
              </a:rPr>
              <a:t>-</a:t>
            </a:r>
            <a:fld id="{0625D179-7009-4241-86E7-8D78DED257DF}" type="slidenum">
              <a:rPr lang="en-US" altLang="ja-JP" sz="900">
                <a:solidFill>
                  <a:schemeClr val="bg1"/>
                </a:solidFill>
                <a:latin typeface="HGPｺﾞｼｯｸE" pitchFamily="50" charset="-128"/>
                <a:ea typeface="HGPｺﾞｼｯｸE" pitchFamily="50" charset="-128"/>
              </a:rPr>
              <a:pPr eaLnBrk="1" hangingPunct="1">
                <a:spcBef>
                  <a:spcPct val="0"/>
                </a:spcBef>
                <a:buFontTx/>
                <a:buNone/>
              </a:pPr>
              <a:t>33</a:t>
            </a:fld>
            <a:r>
              <a:rPr lang="en-US" altLang="ja-JP" sz="900">
                <a:solidFill>
                  <a:schemeClr val="bg1"/>
                </a:solidFill>
                <a:latin typeface="HGPｺﾞｼｯｸE" pitchFamily="50" charset="-128"/>
                <a:ea typeface="HGPｺﾞｼｯｸE" pitchFamily="50" charset="-128"/>
              </a:rPr>
              <a:t>-</a:t>
            </a:r>
          </a:p>
        </p:txBody>
      </p:sp>
      <p:pic>
        <p:nvPicPr>
          <p:cNvPr id="32772" name="Picture 2" descr="\\toyama-city.local\17建設部\1730橋りょう保全\s2\計画係\研究協力\RAIMS\五福４号橋モニタリング\160330実地試験\IMG_1440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42031" y="1927732"/>
            <a:ext cx="3050958" cy="228764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2776" name="テキスト ボックス 1"/>
          <p:cNvSpPr txBox="1">
            <a:spLocks noChangeArrowheads="1"/>
          </p:cNvSpPr>
          <p:nvPr/>
        </p:nvSpPr>
        <p:spPr bwMode="auto">
          <a:xfrm>
            <a:off x="339356" y="1139612"/>
            <a:ext cx="6978192" cy="5078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700" dirty="0"/>
              <a:t>これから増える。モニタリング（監視）と言う選択</a:t>
            </a:r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4871" y="1906126"/>
            <a:ext cx="3487100" cy="23092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C65462AF-0CCE-443F-5A7F-7384192F70D1}"/>
              </a:ext>
            </a:extLst>
          </p:cNvPr>
          <p:cNvSpPr txBox="1"/>
          <p:nvPr/>
        </p:nvSpPr>
        <p:spPr>
          <a:xfrm>
            <a:off x="1136444" y="4399762"/>
            <a:ext cx="6917278" cy="138499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100" dirty="0"/>
              <a:t>評価</a:t>
            </a:r>
            <a:r>
              <a:rPr lang="en-US" altLang="ja-JP" sz="2100" dirty="0"/>
              <a:t>Ⅲ</a:t>
            </a:r>
            <a:r>
              <a:rPr lang="ja-JP" altLang="en-US" sz="2100" dirty="0"/>
              <a:t>において、補修が実施できない場合、</a:t>
            </a:r>
            <a:endParaRPr lang="en-US" altLang="ja-JP" sz="2100" dirty="0"/>
          </a:p>
          <a:p>
            <a:r>
              <a:rPr lang="ja-JP" altLang="en-US" sz="2100" dirty="0"/>
              <a:t>「監視」という方法もある。</a:t>
            </a:r>
            <a:endParaRPr lang="en-US" altLang="ja-JP" sz="2100" dirty="0"/>
          </a:p>
          <a:p>
            <a:r>
              <a:rPr lang="ja-JP" altLang="en-US" sz="2100" dirty="0"/>
              <a:t>監視することにより安全性の確保。</a:t>
            </a:r>
            <a:endParaRPr lang="en-US" altLang="ja-JP" sz="2100" dirty="0"/>
          </a:p>
          <a:p>
            <a:r>
              <a:rPr lang="ja-JP" altLang="en-US" sz="2100" dirty="0"/>
              <a:t>モニタリングシステムの重要性　⇒理解がされていない</a:t>
            </a:r>
          </a:p>
        </p:txBody>
      </p:sp>
    </p:spTree>
    <p:extLst>
      <p:ext uri="{BB962C8B-B14F-4D97-AF65-F5344CB8AC3E}">
        <p14:creationId xmlns:p14="http://schemas.microsoft.com/office/powerpoint/2010/main" val="812724044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グループ化 1">
            <a:extLst>
              <a:ext uri="{FF2B5EF4-FFF2-40B4-BE49-F238E27FC236}">
                <a16:creationId xmlns:a16="http://schemas.microsoft.com/office/drawing/2014/main" id="{0D15E348-911B-4FFE-95BC-FC8EAF7C3FD1}"/>
              </a:ext>
            </a:extLst>
          </p:cNvPr>
          <p:cNvGrpSpPr/>
          <p:nvPr/>
        </p:nvGrpSpPr>
        <p:grpSpPr>
          <a:xfrm>
            <a:off x="3494366" y="2464701"/>
            <a:ext cx="2018824" cy="1739743"/>
            <a:chOff x="0" y="0"/>
            <a:chExt cx="2692399" cy="2319866"/>
          </a:xfrm>
          <a:solidFill>
            <a:schemeClr val="bg1">
              <a:lumMod val="65000"/>
            </a:schemeClr>
          </a:solidFill>
        </p:grpSpPr>
        <p:sp>
          <p:nvSpPr>
            <p:cNvPr id="3" name="正方形/長方形 2">
              <a:extLst>
                <a:ext uri="{FF2B5EF4-FFF2-40B4-BE49-F238E27FC236}">
                  <a16:creationId xmlns:a16="http://schemas.microsoft.com/office/drawing/2014/main" id="{E9593CCB-6B7B-4C29-9B5F-4A9561041831}"/>
                </a:ext>
              </a:extLst>
            </p:cNvPr>
            <p:cNvSpPr/>
            <p:nvPr/>
          </p:nvSpPr>
          <p:spPr>
            <a:xfrm>
              <a:off x="0" y="787400"/>
              <a:ext cx="2684778" cy="211666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4" name="台形 3">
              <a:extLst>
                <a:ext uri="{FF2B5EF4-FFF2-40B4-BE49-F238E27FC236}">
                  <a16:creationId xmlns:a16="http://schemas.microsoft.com/office/drawing/2014/main" id="{AD6CC02C-64FD-4F03-A4B3-BD7375C89E64}"/>
                </a:ext>
              </a:extLst>
            </p:cNvPr>
            <p:cNvSpPr/>
            <p:nvPr/>
          </p:nvSpPr>
          <p:spPr>
            <a:xfrm>
              <a:off x="101600" y="999066"/>
              <a:ext cx="2506133" cy="1320800"/>
            </a:xfrm>
            <a:prstGeom prst="trapezoid">
              <a:avLst>
                <a:gd name="adj" fmla="val 5769"/>
              </a:avLst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5" name="正方形/長方形 4">
              <a:extLst>
                <a:ext uri="{FF2B5EF4-FFF2-40B4-BE49-F238E27FC236}">
                  <a16:creationId xmlns:a16="http://schemas.microsoft.com/office/drawing/2014/main" id="{66E0264D-AA86-43B8-ADD7-E9FD07DADE7F}"/>
                </a:ext>
              </a:extLst>
            </p:cNvPr>
            <p:cNvSpPr/>
            <p:nvPr/>
          </p:nvSpPr>
          <p:spPr>
            <a:xfrm>
              <a:off x="245533" y="431800"/>
              <a:ext cx="135467" cy="313266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6" name="正方形/長方形 5">
              <a:extLst>
                <a:ext uri="{FF2B5EF4-FFF2-40B4-BE49-F238E27FC236}">
                  <a16:creationId xmlns:a16="http://schemas.microsoft.com/office/drawing/2014/main" id="{DBFC9C6E-BD25-48F3-84C4-CCAAC6D3E0AE}"/>
                </a:ext>
              </a:extLst>
            </p:cNvPr>
            <p:cNvSpPr/>
            <p:nvPr/>
          </p:nvSpPr>
          <p:spPr>
            <a:xfrm>
              <a:off x="787400" y="431800"/>
              <a:ext cx="135467" cy="313266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7" name="正方形/長方形 6">
              <a:extLst>
                <a:ext uri="{FF2B5EF4-FFF2-40B4-BE49-F238E27FC236}">
                  <a16:creationId xmlns:a16="http://schemas.microsoft.com/office/drawing/2014/main" id="{DEACA7E9-E34B-44B8-8539-04E5CC4FF5A5}"/>
                </a:ext>
              </a:extLst>
            </p:cNvPr>
            <p:cNvSpPr/>
            <p:nvPr/>
          </p:nvSpPr>
          <p:spPr>
            <a:xfrm>
              <a:off x="1312333" y="423333"/>
              <a:ext cx="135255" cy="313055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8" name="正方形/長方形 7">
              <a:extLst>
                <a:ext uri="{FF2B5EF4-FFF2-40B4-BE49-F238E27FC236}">
                  <a16:creationId xmlns:a16="http://schemas.microsoft.com/office/drawing/2014/main" id="{3893FF06-6102-47D1-BA57-DBD7D29432C3}"/>
                </a:ext>
              </a:extLst>
            </p:cNvPr>
            <p:cNvSpPr/>
            <p:nvPr/>
          </p:nvSpPr>
          <p:spPr>
            <a:xfrm>
              <a:off x="1820333" y="431800"/>
              <a:ext cx="135255" cy="313055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9" name="正方形/長方形 8">
              <a:extLst>
                <a:ext uri="{FF2B5EF4-FFF2-40B4-BE49-F238E27FC236}">
                  <a16:creationId xmlns:a16="http://schemas.microsoft.com/office/drawing/2014/main" id="{7388B294-A7E7-431D-8535-C91C20DD2721}"/>
                </a:ext>
              </a:extLst>
            </p:cNvPr>
            <p:cNvSpPr/>
            <p:nvPr/>
          </p:nvSpPr>
          <p:spPr>
            <a:xfrm>
              <a:off x="2404533" y="423333"/>
              <a:ext cx="135467" cy="313266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10" name="正方形/長方形 9">
              <a:extLst>
                <a:ext uri="{FF2B5EF4-FFF2-40B4-BE49-F238E27FC236}">
                  <a16:creationId xmlns:a16="http://schemas.microsoft.com/office/drawing/2014/main" id="{23EB4D02-1394-4F5A-9E23-2C6510FAC102}"/>
                </a:ext>
              </a:extLst>
            </p:cNvPr>
            <p:cNvSpPr/>
            <p:nvPr/>
          </p:nvSpPr>
          <p:spPr>
            <a:xfrm>
              <a:off x="25400" y="338666"/>
              <a:ext cx="2658322" cy="93133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11" name="正方形/長方形 10">
              <a:extLst>
                <a:ext uri="{FF2B5EF4-FFF2-40B4-BE49-F238E27FC236}">
                  <a16:creationId xmlns:a16="http://schemas.microsoft.com/office/drawing/2014/main" id="{8976A085-9108-4E24-9550-431ADADE8CB2}"/>
                </a:ext>
              </a:extLst>
            </p:cNvPr>
            <p:cNvSpPr/>
            <p:nvPr/>
          </p:nvSpPr>
          <p:spPr>
            <a:xfrm flipH="1">
              <a:off x="25400" y="245533"/>
              <a:ext cx="118533" cy="92922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12" name="正方形/長方形 11">
              <a:extLst>
                <a:ext uri="{FF2B5EF4-FFF2-40B4-BE49-F238E27FC236}">
                  <a16:creationId xmlns:a16="http://schemas.microsoft.com/office/drawing/2014/main" id="{6F2C0411-963C-4462-9D35-AEDBE98CAF0D}"/>
                </a:ext>
              </a:extLst>
            </p:cNvPr>
            <p:cNvSpPr/>
            <p:nvPr/>
          </p:nvSpPr>
          <p:spPr>
            <a:xfrm flipH="1">
              <a:off x="2573866" y="245533"/>
              <a:ext cx="118533" cy="92922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13" name="正方形/長方形 12">
              <a:extLst>
                <a:ext uri="{FF2B5EF4-FFF2-40B4-BE49-F238E27FC236}">
                  <a16:creationId xmlns:a16="http://schemas.microsoft.com/office/drawing/2014/main" id="{FF821336-D676-450A-A975-EFC94547C213}"/>
                </a:ext>
              </a:extLst>
            </p:cNvPr>
            <p:cNvSpPr/>
            <p:nvPr/>
          </p:nvSpPr>
          <p:spPr>
            <a:xfrm flipH="1">
              <a:off x="2607733" y="0"/>
              <a:ext cx="50800" cy="245110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14" name="正方形/長方形 13">
              <a:extLst>
                <a:ext uri="{FF2B5EF4-FFF2-40B4-BE49-F238E27FC236}">
                  <a16:creationId xmlns:a16="http://schemas.microsoft.com/office/drawing/2014/main" id="{546F71AC-A7A9-4811-98FA-CBF641405A04}"/>
                </a:ext>
              </a:extLst>
            </p:cNvPr>
            <p:cNvSpPr/>
            <p:nvPr/>
          </p:nvSpPr>
          <p:spPr>
            <a:xfrm flipH="1">
              <a:off x="59266" y="0"/>
              <a:ext cx="50800" cy="245110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15" name="フリーフォーム 14">
              <a:extLst>
                <a:ext uri="{FF2B5EF4-FFF2-40B4-BE49-F238E27FC236}">
                  <a16:creationId xmlns:a16="http://schemas.microsoft.com/office/drawing/2014/main" id="{48432204-48EF-4FE8-8398-8B8BE48E5D85}"/>
                </a:ext>
              </a:extLst>
            </p:cNvPr>
            <p:cNvSpPr/>
            <p:nvPr/>
          </p:nvSpPr>
          <p:spPr>
            <a:xfrm>
              <a:off x="84666" y="787400"/>
              <a:ext cx="58420" cy="228600"/>
            </a:xfrm>
            <a:custGeom>
              <a:avLst/>
              <a:gdLst>
                <a:gd name="connsiteX0" fmla="*/ 19053 w 19053"/>
                <a:gd name="connsiteY0" fmla="*/ 0 h 203200"/>
                <a:gd name="connsiteX1" fmla="*/ 2119 w 19053"/>
                <a:gd name="connsiteY1" fmla="*/ 203200 h 2032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l="l" t="t" r="r" b="b"/>
              <a:pathLst>
                <a:path w="19053" h="203200">
                  <a:moveTo>
                    <a:pt x="19053" y="0"/>
                  </a:moveTo>
                  <a:cubicBezTo>
                    <a:pt x="-8833" y="111540"/>
                    <a:pt x="2119" y="44460"/>
                    <a:pt x="2119" y="203200"/>
                  </a:cubicBezTo>
                </a:path>
              </a:pathLst>
            </a:custGeom>
            <a:grpFill/>
            <a:ln w="9525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  <p:sp>
          <p:nvSpPr>
            <p:cNvPr id="16" name="フリーフォーム 15">
              <a:extLst>
                <a:ext uri="{FF2B5EF4-FFF2-40B4-BE49-F238E27FC236}">
                  <a16:creationId xmlns:a16="http://schemas.microsoft.com/office/drawing/2014/main" id="{D9A4DEE0-16CC-48FD-B48E-49F9E946A531}"/>
                </a:ext>
              </a:extLst>
            </p:cNvPr>
            <p:cNvSpPr/>
            <p:nvPr/>
          </p:nvSpPr>
          <p:spPr>
            <a:xfrm>
              <a:off x="524933" y="787400"/>
              <a:ext cx="127000" cy="203200"/>
            </a:xfrm>
            <a:custGeom>
              <a:avLst/>
              <a:gdLst>
                <a:gd name="connsiteX0" fmla="*/ 0 w 127000"/>
                <a:gd name="connsiteY0" fmla="*/ 0 h 177995"/>
                <a:gd name="connsiteX1" fmla="*/ 25400 w 127000"/>
                <a:gd name="connsiteY1" fmla="*/ 42333 h 177995"/>
                <a:gd name="connsiteX2" fmla="*/ 50800 w 127000"/>
                <a:gd name="connsiteY2" fmla="*/ 59266 h 177995"/>
                <a:gd name="connsiteX3" fmla="*/ 67733 w 127000"/>
                <a:gd name="connsiteY3" fmla="*/ 84666 h 177995"/>
                <a:gd name="connsiteX4" fmla="*/ 76200 w 127000"/>
                <a:gd name="connsiteY4" fmla="*/ 127000 h 177995"/>
                <a:gd name="connsiteX5" fmla="*/ 101600 w 127000"/>
                <a:gd name="connsiteY5" fmla="*/ 135466 h 177995"/>
                <a:gd name="connsiteX6" fmla="*/ 127000 w 127000"/>
                <a:gd name="connsiteY6" fmla="*/ 177800 h 17799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7000" h="177995">
                  <a:moveTo>
                    <a:pt x="0" y="0"/>
                  </a:moveTo>
                  <a:cubicBezTo>
                    <a:pt x="8467" y="14111"/>
                    <a:pt x="14690" y="29839"/>
                    <a:pt x="25400" y="42333"/>
                  </a:cubicBezTo>
                  <a:cubicBezTo>
                    <a:pt x="32022" y="50059"/>
                    <a:pt x="43605" y="52071"/>
                    <a:pt x="50800" y="59266"/>
                  </a:cubicBezTo>
                  <a:cubicBezTo>
                    <a:pt x="57995" y="66461"/>
                    <a:pt x="62089" y="76199"/>
                    <a:pt x="67733" y="84666"/>
                  </a:cubicBezTo>
                  <a:cubicBezTo>
                    <a:pt x="70555" y="98777"/>
                    <a:pt x="68217" y="115026"/>
                    <a:pt x="76200" y="127000"/>
                  </a:cubicBezTo>
                  <a:cubicBezTo>
                    <a:pt x="81151" y="134426"/>
                    <a:pt x="96649" y="128040"/>
                    <a:pt x="101600" y="135466"/>
                  </a:cubicBezTo>
                  <a:cubicBezTo>
                    <a:pt x="133513" y="183335"/>
                    <a:pt x="86915" y="177800"/>
                    <a:pt x="127000" y="177800"/>
                  </a:cubicBezTo>
                </a:path>
              </a:pathLst>
            </a:custGeom>
            <a:grpFill/>
            <a:ln w="9525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>
                <a:defRPr/>
              </a:pPr>
              <a:endParaRPr lang="ja-JP" altLang="en-US" sz="1350"/>
            </a:p>
          </p:txBody>
        </p:sp>
      </p:grpSp>
      <p:pic>
        <p:nvPicPr>
          <p:cNvPr id="88067" name="図 16">
            <a:extLst>
              <a:ext uri="{FF2B5EF4-FFF2-40B4-BE49-F238E27FC236}">
                <a16:creationId xmlns:a16="http://schemas.microsoft.com/office/drawing/2014/main" id="{2DA24636-41FF-4002-8FB2-C7023DDBA8D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7979"/>
          <a:stretch>
            <a:fillRect/>
          </a:stretch>
        </p:blipFill>
        <p:spPr bwMode="auto">
          <a:xfrm>
            <a:off x="3283745" y="1808560"/>
            <a:ext cx="469106" cy="44648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8068" name="グループ化 17">
            <a:extLst>
              <a:ext uri="{FF2B5EF4-FFF2-40B4-BE49-F238E27FC236}">
                <a16:creationId xmlns:a16="http://schemas.microsoft.com/office/drawing/2014/main" id="{58993584-2C79-4089-9D12-8DEB819D6560}"/>
              </a:ext>
            </a:extLst>
          </p:cNvPr>
          <p:cNvGrpSpPr>
            <a:grpSpLocks/>
          </p:cNvGrpSpPr>
          <p:nvPr/>
        </p:nvGrpSpPr>
        <p:grpSpPr bwMode="auto">
          <a:xfrm>
            <a:off x="3450431" y="2255044"/>
            <a:ext cx="223838" cy="823913"/>
            <a:chOff x="0" y="0"/>
            <a:chExt cx="297815" cy="1098550"/>
          </a:xfrm>
        </p:grpSpPr>
        <p:sp>
          <p:nvSpPr>
            <p:cNvPr id="88084" name="正方形/長方形 18">
              <a:extLst>
                <a:ext uri="{FF2B5EF4-FFF2-40B4-BE49-F238E27FC236}">
                  <a16:creationId xmlns:a16="http://schemas.microsoft.com/office/drawing/2014/main" id="{5891D2D6-BA31-4415-B02B-6775B93ECEA7}"/>
                </a:ext>
              </a:extLst>
            </p:cNvPr>
            <p:cNvSpPr>
              <a:spLocks noChangeArrowheads="1"/>
            </p:cNvSpPr>
            <p:nvPr/>
          </p:nvSpPr>
          <p:spPr bwMode="auto">
            <a:xfrm flipH="1" flipV="1">
              <a:off x="146050" y="1047750"/>
              <a:ext cx="151765" cy="50800"/>
            </a:xfrm>
            <a:prstGeom prst="rect">
              <a:avLst/>
            </a:prstGeom>
            <a:solidFill>
              <a:srgbClr val="FFFF00"/>
            </a:solidFill>
            <a:ln w="25400" algn="ctr">
              <a:solidFill>
                <a:srgbClr val="385D8A"/>
              </a:solidFill>
              <a:miter lim="800000"/>
              <a:headEnd/>
              <a:tailEnd/>
            </a:ln>
          </p:spPr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9pPr>
            </a:lstStyle>
            <a:p>
              <a:pPr eaLnBrk="1" hangingPunct="1"/>
              <a:endParaRPr lang="ja-JP" altLang="en-US">
                <a:latin typeface="Arial" panose="020B0604020202020204" pitchFamily="34" charset="0"/>
              </a:endParaRPr>
            </a:p>
          </p:txBody>
        </p:sp>
        <p:sp>
          <p:nvSpPr>
            <p:cNvPr id="88085" name="正方形/長方形 19">
              <a:extLst>
                <a:ext uri="{FF2B5EF4-FFF2-40B4-BE49-F238E27FC236}">
                  <a16:creationId xmlns:a16="http://schemas.microsoft.com/office/drawing/2014/main" id="{85EA8C5B-73A4-41CC-8AF5-0DBFF208C24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0" y="0"/>
              <a:ext cx="45085" cy="558165"/>
            </a:xfrm>
            <a:prstGeom prst="rect">
              <a:avLst/>
            </a:prstGeom>
            <a:solidFill>
              <a:srgbClr val="FFFF00"/>
            </a:solidFill>
            <a:ln w="25400" algn="ctr">
              <a:solidFill>
                <a:srgbClr val="385D8A"/>
              </a:solidFill>
              <a:miter lim="800000"/>
              <a:headEnd/>
              <a:tailEnd/>
            </a:ln>
          </p:spPr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9pPr>
            </a:lstStyle>
            <a:p>
              <a:pPr eaLnBrk="1" hangingPunct="1"/>
              <a:endParaRPr lang="ja-JP" altLang="en-US">
                <a:latin typeface="Arial" panose="020B0604020202020204" pitchFamily="34" charset="0"/>
              </a:endParaRPr>
            </a:p>
          </p:txBody>
        </p:sp>
        <p:sp>
          <p:nvSpPr>
            <p:cNvPr id="88086" name="正方形/長方形 20">
              <a:extLst>
                <a:ext uri="{FF2B5EF4-FFF2-40B4-BE49-F238E27FC236}">
                  <a16:creationId xmlns:a16="http://schemas.microsoft.com/office/drawing/2014/main" id="{F23766F0-DC0F-4475-886F-573B3BDCEC26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-5400000">
              <a:off x="95250" y="425450"/>
              <a:ext cx="45085" cy="212725"/>
            </a:xfrm>
            <a:prstGeom prst="rect">
              <a:avLst/>
            </a:prstGeom>
            <a:solidFill>
              <a:srgbClr val="FFFF00"/>
            </a:solidFill>
            <a:ln w="25400" algn="ctr">
              <a:solidFill>
                <a:srgbClr val="385D8A"/>
              </a:solidFill>
              <a:miter lim="800000"/>
              <a:headEnd/>
              <a:tailEnd/>
            </a:ln>
          </p:spPr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9pPr>
            </a:lstStyle>
            <a:p>
              <a:pPr eaLnBrk="1" hangingPunct="1"/>
              <a:endParaRPr lang="ja-JP" altLang="en-US">
                <a:latin typeface="Arial" panose="020B0604020202020204" pitchFamily="34" charset="0"/>
              </a:endParaRPr>
            </a:p>
          </p:txBody>
        </p:sp>
        <p:sp>
          <p:nvSpPr>
            <p:cNvPr id="88087" name="正方形/長方形 21">
              <a:extLst>
                <a:ext uri="{FF2B5EF4-FFF2-40B4-BE49-F238E27FC236}">
                  <a16:creationId xmlns:a16="http://schemas.microsoft.com/office/drawing/2014/main" id="{7093BC4C-6E9D-412C-A008-1205847FA0F4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-5400000">
              <a:off x="95250" y="304800"/>
              <a:ext cx="45719" cy="212759"/>
            </a:xfrm>
            <a:prstGeom prst="rect">
              <a:avLst/>
            </a:prstGeom>
            <a:solidFill>
              <a:srgbClr val="FFFF00"/>
            </a:solidFill>
            <a:ln w="25400" algn="ctr">
              <a:solidFill>
                <a:srgbClr val="385D8A"/>
              </a:solidFill>
              <a:miter lim="800000"/>
              <a:headEnd/>
              <a:tailEnd/>
            </a:ln>
          </p:spPr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9pPr>
            </a:lstStyle>
            <a:p>
              <a:pPr eaLnBrk="1" hangingPunct="1"/>
              <a:endParaRPr lang="ja-JP" altLang="en-US">
                <a:latin typeface="Arial" panose="020B0604020202020204" pitchFamily="34" charset="0"/>
              </a:endParaRPr>
            </a:p>
          </p:txBody>
        </p:sp>
      </p:grpSp>
      <p:pic>
        <p:nvPicPr>
          <p:cNvPr id="88069" name="Picture 2">
            <a:extLst>
              <a:ext uri="{FF2B5EF4-FFF2-40B4-BE49-F238E27FC236}">
                <a16:creationId xmlns:a16="http://schemas.microsoft.com/office/drawing/2014/main" id="{AAE560AD-9B20-4944-A6E1-70D1C38F442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16819" y="1410891"/>
            <a:ext cx="1933575" cy="19335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8070" name="テキスト ボックス 25">
            <a:extLst>
              <a:ext uri="{FF2B5EF4-FFF2-40B4-BE49-F238E27FC236}">
                <a16:creationId xmlns:a16="http://schemas.microsoft.com/office/drawing/2014/main" id="{2E5D7F80-E348-421E-B0C9-D13435DC1C2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29282" y="960041"/>
            <a:ext cx="5955476" cy="5539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lang="ja-JP" altLang="en-US" sz="3000" dirty="0">
                <a:latin typeface="Arial" panose="020B0604020202020204" pitchFamily="34" charset="0"/>
              </a:rPr>
              <a:t>モニタリングシステムによる監視</a:t>
            </a:r>
          </a:p>
        </p:txBody>
      </p:sp>
      <p:sp>
        <p:nvSpPr>
          <p:cNvPr id="27" name="四角形吹き出し 26">
            <a:extLst>
              <a:ext uri="{FF2B5EF4-FFF2-40B4-BE49-F238E27FC236}">
                <a16:creationId xmlns:a16="http://schemas.microsoft.com/office/drawing/2014/main" id="{B4628F62-211F-49FD-A65B-9685294602B5}"/>
              </a:ext>
            </a:extLst>
          </p:cNvPr>
          <p:cNvSpPr/>
          <p:nvPr/>
        </p:nvSpPr>
        <p:spPr>
          <a:xfrm>
            <a:off x="4061222" y="1494235"/>
            <a:ext cx="1051322" cy="538163"/>
          </a:xfrm>
          <a:prstGeom prst="wedgeRectCallout">
            <a:avLst>
              <a:gd name="adj1" fmla="val -124447"/>
              <a:gd name="adj2" fmla="val 71491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 sz="1350"/>
          </a:p>
        </p:txBody>
      </p:sp>
      <p:sp>
        <p:nvSpPr>
          <p:cNvPr id="88072" name="テキスト ボックス 27">
            <a:extLst>
              <a:ext uri="{FF2B5EF4-FFF2-40B4-BE49-F238E27FC236}">
                <a16:creationId xmlns:a16="http://schemas.microsoft.com/office/drawing/2014/main" id="{802F3513-83A1-4CBC-8ED7-52BBB18450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108849" y="1481139"/>
            <a:ext cx="646331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lang="ja-JP" altLang="en-US" b="1">
                <a:latin typeface="Arial" panose="020B0604020202020204" pitchFamily="34" charset="0"/>
              </a:rPr>
              <a:t>ｿｰﾗｰ</a:t>
            </a:r>
            <a:endParaRPr lang="en-US" altLang="ja-JP" b="1">
              <a:latin typeface="Arial" panose="020B0604020202020204" pitchFamily="34" charset="0"/>
            </a:endParaRPr>
          </a:p>
          <a:p>
            <a:pPr eaLnBrk="1" hangingPunct="1"/>
            <a:r>
              <a:rPr lang="ja-JP" altLang="en-US" b="1">
                <a:latin typeface="Arial" panose="020B0604020202020204" pitchFamily="34" charset="0"/>
              </a:rPr>
              <a:t>ﾊﾟﾈﾙ</a:t>
            </a:r>
          </a:p>
        </p:txBody>
      </p:sp>
      <p:sp>
        <p:nvSpPr>
          <p:cNvPr id="29" name="四角形吹き出し 28">
            <a:extLst>
              <a:ext uri="{FF2B5EF4-FFF2-40B4-BE49-F238E27FC236}">
                <a16:creationId xmlns:a16="http://schemas.microsoft.com/office/drawing/2014/main" id="{205EB7C3-2801-4EDF-AC0D-E4AB9109CBC9}"/>
              </a:ext>
            </a:extLst>
          </p:cNvPr>
          <p:cNvSpPr/>
          <p:nvPr/>
        </p:nvSpPr>
        <p:spPr>
          <a:xfrm>
            <a:off x="4044555" y="2169319"/>
            <a:ext cx="1121569" cy="386954"/>
          </a:xfrm>
          <a:prstGeom prst="wedgeRectCallout">
            <a:avLst>
              <a:gd name="adj1" fmla="val -95347"/>
              <a:gd name="adj2" fmla="val -38974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 sz="1350"/>
          </a:p>
        </p:txBody>
      </p:sp>
      <p:sp>
        <p:nvSpPr>
          <p:cNvPr id="88074" name="テキスト ボックス 29">
            <a:extLst>
              <a:ext uri="{FF2B5EF4-FFF2-40B4-BE49-F238E27FC236}">
                <a16:creationId xmlns:a16="http://schemas.microsoft.com/office/drawing/2014/main" id="{EBFE816D-33E8-4C03-9805-451A11D1D62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086225" y="2187179"/>
            <a:ext cx="1338263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lang="ja-JP" altLang="en-US" b="1">
                <a:latin typeface="Arial" panose="020B0604020202020204" pitchFamily="34" charset="0"/>
              </a:rPr>
              <a:t>通信装置</a:t>
            </a:r>
          </a:p>
        </p:txBody>
      </p:sp>
      <p:sp>
        <p:nvSpPr>
          <p:cNvPr id="31" name="四角形吹き出し 30">
            <a:extLst>
              <a:ext uri="{FF2B5EF4-FFF2-40B4-BE49-F238E27FC236}">
                <a16:creationId xmlns:a16="http://schemas.microsoft.com/office/drawing/2014/main" id="{4A81ECCA-21FA-4A5E-BF53-A2BB61E18885}"/>
              </a:ext>
            </a:extLst>
          </p:cNvPr>
          <p:cNvSpPr/>
          <p:nvPr/>
        </p:nvSpPr>
        <p:spPr>
          <a:xfrm>
            <a:off x="2041922" y="3451623"/>
            <a:ext cx="1518047" cy="463153"/>
          </a:xfrm>
          <a:prstGeom prst="wedgeRectCallout">
            <a:avLst>
              <a:gd name="adj1" fmla="val 74377"/>
              <a:gd name="adj2" fmla="val -176484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 sz="1350"/>
          </a:p>
        </p:txBody>
      </p:sp>
      <p:sp>
        <p:nvSpPr>
          <p:cNvPr id="88076" name="テキスト ボックス 31">
            <a:extLst>
              <a:ext uri="{FF2B5EF4-FFF2-40B4-BE49-F238E27FC236}">
                <a16:creationId xmlns:a16="http://schemas.microsoft.com/office/drawing/2014/main" id="{9DBC825B-C9AD-47FC-B44A-8A3FFAACB3C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087167" y="3468292"/>
            <a:ext cx="1454244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lang="ja-JP" altLang="en-US" b="1">
                <a:latin typeface="Arial" panose="020B0604020202020204" pitchFamily="34" charset="0"/>
              </a:rPr>
              <a:t>直線変位ｾﾝｻ</a:t>
            </a:r>
          </a:p>
        </p:txBody>
      </p:sp>
      <p:pic>
        <p:nvPicPr>
          <p:cNvPr id="88077" name="Picture 2">
            <a:extLst>
              <a:ext uri="{FF2B5EF4-FFF2-40B4-BE49-F238E27FC236}">
                <a16:creationId xmlns:a16="http://schemas.microsoft.com/office/drawing/2014/main" id="{1704CE8F-4063-4901-8762-A12F79421DB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16191" y="4287441"/>
            <a:ext cx="2284809" cy="17133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34" name="グラフ 33">
            <a:extLst>
              <a:ext uri="{FF2B5EF4-FFF2-40B4-BE49-F238E27FC236}">
                <a16:creationId xmlns:a16="http://schemas.microsoft.com/office/drawing/2014/main" id="{F407DED4-94F6-41A3-A2E4-D10DEC9097A0}"/>
              </a:ext>
            </a:extLst>
          </p:cNvPr>
          <p:cNvGraphicFramePr>
            <a:graphicFrameLocks/>
          </p:cNvGraphicFramePr>
          <p:nvPr/>
        </p:nvGraphicFramePr>
        <p:xfrm>
          <a:off x="1216868" y="4334265"/>
          <a:ext cx="2849904" cy="16513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pic>
        <p:nvPicPr>
          <p:cNvPr id="88079" name="Picture 2">
            <a:extLst>
              <a:ext uri="{FF2B5EF4-FFF2-40B4-BE49-F238E27FC236}">
                <a16:creationId xmlns:a16="http://schemas.microsoft.com/office/drawing/2014/main" id="{2DF4CDE0-E6CB-4D8A-8444-394F206B204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16191" y="1410891"/>
            <a:ext cx="2284809" cy="15132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6" name="円/楕円 35">
            <a:extLst>
              <a:ext uri="{FF2B5EF4-FFF2-40B4-BE49-F238E27FC236}">
                <a16:creationId xmlns:a16="http://schemas.microsoft.com/office/drawing/2014/main" id="{18B4FE06-27AB-47D0-A924-D8B830372EBB}"/>
              </a:ext>
            </a:extLst>
          </p:cNvPr>
          <p:cNvSpPr/>
          <p:nvPr/>
        </p:nvSpPr>
        <p:spPr>
          <a:xfrm>
            <a:off x="3348039" y="2976563"/>
            <a:ext cx="864394" cy="342900"/>
          </a:xfrm>
          <a:prstGeom prst="ellipse">
            <a:avLst/>
          </a:prstGeom>
          <a:noFill/>
          <a:ln w="57150">
            <a:solidFill>
              <a:srgbClr val="FF33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 sz="1350"/>
          </a:p>
        </p:txBody>
      </p:sp>
      <p:sp>
        <p:nvSpPr>
          <p:cNvPr id="38" name="円/楕円 37">
            <a:extLst>
              <a:ext uri="{FF2B5EF4-FFF2-40B4-BE49-F238E27FC236}">
                <a16:creationId xmlns:a16="http://schemas.microsoft.com/office/drawing/2014/main" id="{6FF7A7DB-B845-47A0-9AEC-A69EAD018FA5}"/>
              </a:ext>
            </a:extLst>
          </p:cNvPr>
          <p:cNvSpPr/>
          <p:nvPr/>
        </p:nvSpPr>
        <p:spPr>
          <a:xfrm>
            <a:off x="6504386" y="1928814"/>
            <a:ext cx="1025128" cy="617935"/>
          </a:xfrm>
          <a:prstGeom prst="ellipse">
            <a:avLst/>
          </a:prstGeom>
          <a:noFill/>
          <a:ln w="57150">
            <a:solidFill>
              <a:srgbClr val="FF33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 sz="1350"/>
          </a:p>
        </p:txBody>
      </p:sp>
      <p:sp>
        <p:nvSpPr>
          <p:cNvPr id="39" name="円/楕円 38">
            <a:extLst>
              <a:ext uri="{FF2B5EF4-FFF2-40B4-BE49-F238E27FC236}">
                <a16:creationId xmlns:a16="http://schemas.microsoft.com/office/drawing/2014/main" id="{45733AEB-B9DB-42E8-8FC2-9E71B311D231}"/>
              </a:ext>
            </a:extLst>
          </p:cNvPr>
          <p:cNvSpPr/>
          <p:nvPr/>
        </p:nvSpPr>
        <p:spPr>
          <a:xfrm>
            <a:off x="5922170" y="4204098"/>
            <a:ext cx="1241822" cy="1188244"/>
          </a:xfrm>
          <a:prstGeom prst="ellipse">
            <a:avLst/>
          </a:prstGeom>
          <a:noFill/>
          <a:ln w="57150">
            <a:solidFill>
              <a:srgbClr val="FF33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 sz="1350"/>
          </a:p>
        </p:txBody>
      </p:sp>
      <p:sp>
        <p:nvSpPr>
          <p:cNvPr id="88083" name="テキスト ボックス 16">
            <a:extLst>
              <a:ext uri="{FF2B5EF4-FFF2-40B4-BE49-F238E27FC236}">
                <a16:creationId xmlns:a16="http://schemas.microsoft.com/office/drawing/2014/main" id="{C85D83AC-E1E8-48BC-9616-30271B8D4F0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672138" y="3148013"/>
            <a:ext cx="2339102" cy="7386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lang="ja-JP" altLang="en-US" sz="2100">
                <a:solidFill>
                  <a:srgbClr val="FF0000"/>
                </a:solidFill>
              </a:rPr>
              <a:t>目的を明確にした</a:t>
            </a:r>
            <a:endParaRPr lang="en-US" altLang="ja-JP" sz="2100">
              <a:solidFill>
                <a:srgbClr val="FF0000"/>
              </a:solidFill>
            </a:endParaRPr>
          </a:p>
          <a:p>
            <a:r>
              <a:rPr lang="ja-JP" altLang="en-US" sz="2100">
                <a:solidFill>
                  <a:srgbClr val="FF0000"/>
                </a:solidFill>
              </a:rPr>
              <a:t>安価なシステム</a:t>
            </a:r>
          </a:p>
        </p:txBody>
      </p:sp>
      <p:sp>
        <p:nvSpPr>
          <p:cNvPr id="17" name="スライド番号プレースホルダー 16">
            <a:extLst>
              <a:ext uri="{FF2B5EF4-FFF2-40B4-BE49-F238E27FC236}">
                <a16:creationId xmlns:a16="http://schemas.microsoft.com/office/drawing/2014/main" id="{2E717C04-94A5-C784-3E7A-95FF4E6F43D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34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71951612"/>
      </p:ext>
    </p:extLst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F652D511-F8C6-862D-A92D-38D88A04069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50E13FB-DCAF-430E-9FD5-74CCF70954EF}" type="slidenum">
              <a:rPr lang="en-US" altLang="ja-JP" smtClean="0">
                <a:solidFill>
                  <a:srgbClr val="000000"/>
                </a:solidFill>
              </a:rPr>
              <a:pPr/>
              <a:t>35</a:t>
            </a:fld>
            <a:endParaRPr lang="en-US" altLang="ja-JP">
              <a:solidFill>
                <a:srgbClr val="000000"/>
              </a:solidFill>
            </a:endParaRP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26B6B0B8-DE1A-4B7C-AAC8-E0AB6A360189}"/>
              </a:ext>
            </a:extLst>
          </p:cNvPr>
          <p:cNvSpPr txBox="1"/>
          <p:nvPr/>
        </p:nvSpPr>
        <p:spPr>
          <a:xfrm>
            <a:off x="1732762" y="1536415"/>
            <a:ext cx="4801314" cy="170816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3300" dirty="0"/>
              <a:t>こんな状況も</a:t>
            </a:r>
            <a:endParaRPr lang="en-US" altLang="ja-JP" sz="3300" dirty="0"/>
          </a:p>
          <a:p>
            <a:endParaRPr lang="en-US" altLang="ja-JP" sz="2400" dirty="0"/>
          </a:p>
          <a:p>
            <a:r>
              <a:rPr lang="ja-JP" altLang="en-US" sz="2400" dirty="0"/>
              <a:t>自治体では、</a:t>
            </a:r>
            <a:endParaRPr lang="en-US" altLang="ja-JP" sz="2400" dirty="0"/>
          </a:p>
          <a:p>
            <a:r>
              <a:rPr lang="ja-JP" altLang="en-US" sz="2400" dirty="0"/>
              <a:t>初期不都合や、再劣化の問題も。</a:t>
            </a:r>
          </a:p>
        </p:txBody>
      </p:sp>
    </p:spTree>
    <p:extLst>
      <p:ext uri="{BB962C8B-B14F-4D97-AF65-F5344CB8AC3E}">
        <p14:creationId xmlns:p14="http://schemas.microsoft.com/office/powerpoint/2010/main" val="3915366380"/>
      </p:ext>
    </p:extLst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A86BE0EF-CCE8-AED8-F857-632E02933F7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913178" y="2665770"/>
            <a:ext cx="4230823" cy="3263081"/>
          </a:xfrm>
          <a:prstGeom prst="rect">
            <a:avLst/>
          </a:prstGeom>
        </p:spPr>
      </p:pic>
      <p:pic>
        <p:nvPicPr>
          <p:cNvPr id="3" name="図 2">
            <a:extLst>
              <a:ext uri="{FF2B5EF4-FFF2-40B4-BE49-F238E27FC236}">
                <a16:creationId xmlns:a16="http://schemas.microsoft.com/office/drawing/2014/main" id="{7D70C8DF-7502-1B9C-E55A-2F4BA48F75E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2843" y="945740"/>
            <a:ext cx="4468761" cy="3351571"/>
          </a:xfrm>
          <a:prstGeom prst="rect">
            <a:avLst/>
          </a:prstGeom>
        </p:spPr>
      </p:pic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5A40F5C0-6815-9F21-D789-8CCD6846478E}"/>
              </a:ext>
            </a:extLst>
          </p:cNvPr>
          <p:cNvSpPr txBox="1"/>
          <p:nvPr/>
        </p:nvSpPr>
        <p:spPr>
          <a:xfrm>
            <a:off x="218074" y="4695517"/>
            <a:ext cx="4570482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造った時点での不都合</a:t>
            </a:r>
            <a:endParaRPr lang="en-US" altLang="ja-JP" dirty="0"/>
          </a:p>
          <a:p>
            <a:endParaRPr lang="en-US" altLang="ja-JP" dirty="0"/>
          </a:p>
          <a:p>
            <a:r>
              <a:rPr lang="ja-JP" altLang="en-US" dirty="0"/>
              <a:t>包括管理などを行う場合にはリスクとなる</a:t>
            </a:r>
          </a:p>
        </p:txBody>
      </p:sp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0CF77AFD-1792-C0D7-F59E-043C23F55F58}"/>
              </a:ext>
            </a:extLst>
          </p:cNvPr>
          <p:cNvSpPr txBox="1"/>
          <p:nvPr/>
        </p:nvSpPr>
        <p:spPr>
          <a:xfrm>
            <a:off x="5508523" y="1280776"/>
            <a:ext cx="2031325" cy="14080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400" b="1" dirty="0"/>
              <a:t>実は初期不良</a:t>
            </a:r>
            <a:endParaRPr lang="en-US" altLang="ja-JP" sz="2400" b="1" dirty="0"/>
          </a:p>
          <a:p>
            <a:endParaRPr lang="en-US" altLang="ja-JP" sz="2400" b="1" dirty="0"/>
          </a:p>
          <a:p>
            <a:r>
              <a:rPr lang="ja-JP" altLang="en-US" sz="2400" b="1" dirty="0"/>
              <a:t>鉄筋の不足</a:t>
            </a:r>
            <a:endParaRPr lang="en-US" altLang="ja-JP" sz="2400" b="1" dirty="0"/>
          </a:p>
          <a:p>
            <a:endParaRPr lang="ja-JP" altLang="en-US" sz="1350" dirty="0"/>
          </a:p>
        </p:txBody>
      </p:sp>
      <p:sp>
        <p:nvSpPr>
          <p:cNvPr id="6" name="スライド番号プレースホルダー 5">
            <a:extLst>
              <a:ext uri="{FF2B5EF4-FFF2-40B4-BE49-F238E27FC236}">
                <a16:creationId xmlns:a16="http://schemas.microsoft.com/office/drawing/2014/main" id="{DD1B6C98-0FC9-3E0B-6AFA-FA363FBCE58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3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563216280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FFECD84D-13F4-019A-6839-48E77C4E6F17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7554" t="34431" r="36072" b="15461"/>
          <a:stretch/>
        </p:blipFill>
        <p:spPr>
          <a:xfrm>
            <a:off x="497205" y="1459794"/>
            <a:ext cx="4434840" cy="4384730"/>
          </a:xfrm>
          <a:prstGeom prst="rect">
            <a:avLst/>
          </a:prstGeom>
        </p:spPr>
      </p:pic>
      <p:sp>
        <p:nvSpPr>
          <p:cNvPr id="3" name="楕円 2">
            <a:extLst>
              <a:ext uri="{FF2B5EF4-FFF2-40B4-BE49-F238E27FC236}">
                <a16:creationId xmlns:a16="http://schemas.microsoft.com/office/drawing/2014/main" id="{3EEF8F64-1493-43D1-C8DE-BE183C65E839}"/>
              </a:ext>
            </a:extLst>
          </p:cNvPr>
          <p:cNvSpPr/>
          <p:nvPr/>
        </p:nvSpPr>
        <p:spPr>
          <a:xfrm>
            <a:off x="1988451" y="3212104"/>
            <a:ext cx="2480310" cy="880110"/>
          </a:xfrm>
          <a:prstGeom prst="ellipse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sz="1350" dirty="0"/>
          </a:p>
        </p:txBody>
      </p:sp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BC57F35D-079B-6256-5765-9F75D5F7895B}"/>
              </a:ext>
            </a:extLst>
          </p:cNvPr>
          <p:cNvSpPr txBox="1"/>
          <p:nvPr/>
        </p:nvSpPr>
        <p:spPr>
          <a:xfrm>
            <a:off x="5342603" y="1665527"/>
            <a:ext cx="3262432" cy="267765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400" dirty="0"/>
              <a:t>なぜ？鉢巻？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施工時の鉄筋量の不足</a:t>
            </a:r>
            <a:endParaRPr lang="en-US" altLang="ja-JP" sz="2400" dirty="0"/>
          </a:p>
          <a:p>
            <a:r>
              <a:rPr lang="ja-JP" altLang="en-US" sz="2400" dirty="0"/>
              <a:t>剛度確保で鉢巻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初期不良が、膨大な</a:t>
            </a:r>
            <a:endParaRPr lang="en-US" altLang="ja-JP" sz="2400" dirty="0"/>
          </a:p>
          <a:p>
            <a:r>
              <a:rPr lang="ja-JP" altLang="en-US" sz="2400" dirty="0"/>
              <a:t>維持管理費を生む。</a:t>
            </a:r>
          </a:p>
        </p:txBody>
      </p:sp>
      <p:sp>
        <p:nvSpPr>
          <p:cNvPr id="4" name="スライド番号プレースホルダー 3">
            <a:extLst>
              <a:ext uri="{FF2B5EF4-FFF2-40B4-BE49-F238E27FC236}">
                <a16:creationId xmlns:a16="http://schemas.microsoft.com/office/drawing/2014/main" id="{99AB6D1D-CED9-8FBF-3B39-4EADBBD12DB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37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91753045"/>
      </p:ext>
    </p:extLst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ACD4CCAC-F535-373A-6CAD-74E6F3BC0A5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857250"/>
            <a:ext cx="6858000" cy="5143500"/>
          </a:xfrm>
          <a:prstGeom prst="rect">
            <a:avLst/>
          </a:prstGeom>
        </p:spPr>
      </p:pic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FBE73FDB-BE59-3C20-C3E6-497C3F51CB57}"/>
              </a:ext>
            </a:extLst>
          </p:cNvPr>
          <p:cNvSpPr txBox="1"/>
          <p:nvPr/>
        </p:nvSpPr>
        <p:spPr>
          <a:xfrm>
            <a:off x="7145594" y="1167768"/>
            <a:ext cx="1850922" cy="37856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400" dirty="0"/>
              <a:t>これは？</a:t>
            </a:r>
            <a:endParaRPr lang="en-US" altLang="ja-JP" sz="2400" dirty="0"/>
          </a:p>
          <a:p>
            <a:r>
              <a:rPr lang="ja-JP" altLang="en-US" sz="2400" dirty="0"/>
              <a:t>断面補強？</a:t>
            </a:r>
            <a:endParaRPr lang="en-US" altLang="ja-JP" sz="2400" dirty="0"/>
          </a:p>
          <a:p>
            <a:r>
              <a:rPr lang="ja-JP" altLang="en-US" sz="2400" dirty="0"/>
              <a:t>初期不良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dirty="0"/>
              <a:t>施工時の</a:t>
            </a:r>
            <a:endParaRPr lang="en-US" altLang="ja-JP" dirty="0"/>
          </a:p>
          <a:p>
            <a:r>
              <a:rPr lang="ja-JP" altLang="en-US" dirty="0"/>
              <a:t>出来形不足</a:t>
            </a:r>
            <a:endParaRPr lang="en-US" altLang="ja-JP" dirty="0"/>
          </a:p>
          <a:p>
            <a:endParaRPr lang="en-US" altLang="ja-JP" dirty="0"/>
          </a:p>
          <a:p>
            <a:r>
              <a:rPr lang="ja-JP" altLang="en-US" dirty="0"/>
              <a:t>こんな補修を平気で！</a:t>
            </a:r>
            <a:endParaRPr lang="en-US" altLang="ja-JP" dirty="0"/>
          </a:p>
          <a:p>
            <a:r>
              <a:rPr lang="ja-JP" altLang="en-US" dirty="0"/>
              <a:t>橋梁の何たるかを知らない技術者もいる。</a:t>
            </a:r>
          </a:p>
        </p:txBody>
      </p:sp>
      <p:sp>
        <p:nvSpPr>
          <p:cNvPr id="4" name="スライド番号プレースホルダー 3">
            <a:extLst>
              <a:ext uri="{FF2B5EF4-FFF2-40B4-BE49-F238E27FC236}">
                <a16:creationId xmlns:a16="http://schemas.microsoft.com/office/drawing/2014/main" id="{25A9F0EF-0144-97DD-FB4F-799551DCB9E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38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263329969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スライド番号プレースホルダー 2">
            <a:extLst>
              <a:ext uri="{FF2B5EF4-FFF2-40B4-BE49-F238E27FC236}">
                <a16:creationId xmlns:a16="http://schemas.microsoft.com/office/drawing/2014/main" id="{2B148B76-3076-3A32-25BE-54BE2E83332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50E13FB-DCAF-430E-9FD5-74CCF70954EF}" type="slidenum">
              <a:rPr lang="en-US" altLang="ja-JP" smtClean="0">
                <a:solidFill>
                  <a:srgbClr val="000000"/>
                </a:solidFill>
              </a:rPr>
              <a:pPr/>
              <a:t>39</a:t>
            </a:fld>
            <a:endParaRPr lang="en-US" altLang="ja-JP">
              <a:solidFill>
                <a:srgbClr val="000000"/>
              </a:solidFill>
            </a:endParaRPr>
          </a:p>
        </p:txBody>
      </p:sp>
      <p:pic>
        <p:nvPicPr>
          <p:cNvPr id="4" name="図 3">
            <a:extLst>
              <a:ext uri="{FF2B5EF4-FFF2-40B4-BE49-F238E27FC236}">
                <a16:creationId xmlns:a16="http://schemas.microsoft.com/office/drawing/2014/main" id="{5754D0E8-6FC1-9E2C-1522-D458919D38E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40214" y="1876311"/>
            <a:ext cx="5793568" cy="4124439"/>
          </a:xfrm>
          <a:prstGeom prst="rect">
            <a:avLst/>
          </a:prstGeom>
        </p:spPr>
      </p:pic>
      <p:sp>
        <p:nvSpPr>
          <p:cNvPr id="6" name="テキスト ボックス 5">
            <a:extLst>
              <a:ext uri="{FF2B5EF4-FFF2-40B4-BE49-F238E27FC236}">
                <a16:creationId xmlns:a16="http://schemas.microsoft.com/office/drawing/2014/main" id="{ADEC941E-3EB9-8495-9A2D-85DA93FFEA0C}"/>
              </a:ext>
            </a:extLst>
          </p:cNvPr>
          <p:cNvSpPr txBox="1"/>
          <p:nvPr/>
        </p:nvSpPr>
        <p:spPr>
          <a:xfrm>
            <a:off x="585515" y="1036097"/>
            <a:ext cx="5702968" cy="923330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ja-JP" altLang="en-US" dirty="0"/>
              <a:t>この橋、渡るべからず！！</a:t>
            </a:r>
            <a:br>
              <a:rPr lang="en-US" altLang="ja-JP" dirty="0"/>
            </a:br>
            <a:r>
              <a:rPr lang="ja-JP" altLang="en-US" dirty="0"/>
              <a:t>老朽化と使用頻度から通行止め！</a:t>
            </a:r>
            <a:endParaRPr lang="en-US" altLang="ja-JP" dirty="0"/>
          </a:p>
          <a:p>
            <a:r>
              <a:rPr lang="ja-JP" altLang="en-US" dirty="0"/>
              <a:t>議会も通過し撤去は決まっているが・・・・</a:t>
            </a:r>
            <a:endParaRPr lang="ja-JP" altLang="en-US" sz="1350" dirty="0"/>
          </a:p>
        </p:txBody>
      </p:sp>
      <p:sp>
        <p:nvSpPr>
          <p:cNvPr id="2" name="矢印: 右 1">
            <a:extLst>
              <a:ext uri="{FF2B5EF4-FFF2-40B4-BE49-F238E27FC236}">
                <a16:creationId xmlns:a16="http://schemas.microsoft.com/office/drawing/2014/main" id="{B9C1C1A2-B179-1AFB-FFF9-15F40CEB568C}"/>
              </a:ext>
            </a:extLst>
          </p:cNvPr>
          <p:cNvSpPr/>
          <p:nvPr/>
        </p:nvSpPr>
        <p:spPr>
          <a:xfrm>
            <a:off x="5100252" y="1006767"/>
            <a:ext cx="518984" cy="720031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sz="1350"/>
          </a:p>
        </p:txBody>
      </p:sp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396F2CAC-E9AA-D2A1-6D4B-CF6E3FC2B104}"/>
              </a:ext>
            </a:extLst>
          </p:cNvPr>
          <p:cNvSpPr txBox="1"/>
          <p:nvPr/>
        </p:nvSpPr>
        <p:spPr>
          <a:xfrm>
            <a:off x="5823122" y="1096130"/>
            <a:ext cx="2877711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350" dirty="0"/>
              <a:t>住民同意を得るのに</a:t>
            </a:r>
            <a:r>
              <a:rPr lang="en-US" altLang="ja-JP" sz="1350" dirty="0"/>
              <a:t>8</a:t>
            </a:r>
            <a:r>
              <a:rPr lang="ja-JP" altLang="en-US" sz="1350" dirty="0"/>
              <a:t>年間！</a:t>
            </a:r>
            <a:endParaRPr lang="en-US" altLang="ja-JP" sz="1350" dirty="0"/>
          </a:p>
          <a:p>
            <a:r>
              <a:rPr lang="ja-JP" altLang="en-US" sz="1350" dirty="0"/>
              <a:t>最後まで、</a:t>
            </a:r>
            <a:r>
              <a:rPr lang="en-US" altLang="ja-JP" sz="1350" dirty="0"/>
              <a:t>1</a:t>
            </a:r>
            <a:r>
              <a:rPr lang="ja-JP" altLang="en-US" sz="1350" dirty="0"/>
              <a:t>人が、あの手この手で</a:t>
            </a:r>
            <a:endParaRPr lang="en-US" altLang="ja-JP" sz="1350" dirty="0"/>
          </a:p>
          <a:p>
            <a:r>
              <a:rPr lang="ja-JP" altLang="en-US" sz="1350" dirty="0"/>
              <a:t>反対。やっと、今年度撤去完了。</a:t>
            </a:r>
            <a:endParaRPr lang="en-US" altLang="ja-JP" sz="1350" dirty="0"/>
          </a:p>
          <a:p>
            <a:endParaRPr lang="ja-JP" altLang="en-US" sz="1350" dirty="0"/>
          </a:p>
        </p:txBody>
      </p:sp>
      <p:sp>
        <p:nvSpPr>
          <p:cNvPr id="7" name="テキスト ボックス 6">
            <a:extLst>
              <a:ext uri="{FF2B5EF4-FFF2-40B4-BE49-F238E27FC236}">
                <a16:creationId xmlns:a16="http://schemas.microsoft.com/office/drawing/2014/main" id="{A41DFA23-D7A3-A495-A0AE-B3B23FF46AC5}"/>
              </a:ext>
            </a:extLst>
          </p:cNvPr>
          <p:cNvSpPr txBox="1"/>
          <p:nvPr/>
        </p:nvSpPr>
        <p:spPr>
          <a:xfrm>
            <a:off x="6651202" y="2563378"/>
            <a:ext cx="2262158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700" dirty="0"/>
              <a:t>撤去の現実</a:t>
            </a:r>
            <a:endParaRPr lang="en-US" altLang="ja-JP" sz="2700" dirty="0"/>
          </a:p>
          <a:p>
            <a:endParaRPr lang="en-US" altLang="ja-JP" sz="2700" dirty="0"/>
          </a:p>
          <a:p>
            <a:r>
              <a:rPr lang="ja-JP" altLang="en-US" sz="2700" dirty="0"/>
              <a:t>撤去費は高額</a:t>
            </a:r>
            <a:endParaRPr lang="en-US" altLang="ja-JP" sz="2700" dirty="0"/>
          </a:p>
          <a:p>
            <a:r>
              <a:rPr lang="ja-JP" altLang="en-US" sz="2700" dirty="0"/>
              <a:t>難易度は高い</a:t>
            </a:r>
          </a:p>
        </p:txBody>
      </p:sp>
    </p:spTree>
    <p:extLst>
      <p:ext uri="{BB962C8B-B14F-4D97-AF65-F5344CB8AC3E}">
        <p14:creationId xmlns:p14="http://schemas.microsoft.com/office/powerpoint/2010/main" val="196792906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スライド番号プレースホルダー 5">
            <a:extLst>
              <a:ext uri="{FF2B5EF4-FFF2-40B4-BE49-F238E27FC236}">
                <a16:creationId xmlns:a16="http://schemas.microsoft.com/office/drawing/2014/main" id="{3DFE4A8F-EEF0-1A61-FC40-4B4281F14D3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 bwMode="auto">
          <a:xfrm>
            <a:off x="6057900" y="5624514"/>
            <a:ext cx="1600200" cy="2738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68580" tIns="34290" rIns="68580" bIns="34290" numCol="1" rtlCol="0" anchor="ctr" anchorCtr="0" compatLnSpc="1">
            <a:prstTxWarp prst="textNoShape">
              <a:avLst/>
            </a:prstTxWarp>
          </a:bodyPr>
          <a:lstStyle>
            <a:defPPr>
              <a:defRPr lang="ja-JP"/>
            </a:defPPr>
            <a:lvl1pPr algn="r" rtl="0" eaLnBrk="1" fontAlgn="base" hangingPunct="1">
              <a:spcBef>
                <a:spcPct val="0"/>
              </a:spcBef>
              <a:spcAft>
                <a:spcPct val="0"/>
              </a:spcAft>
              <a:defRPr kumimoji="1" sz="900" kern="1200">
                <a:solidFill>
                  <a:srgbClr val="898989"/>
                </a:solidFill>
                <a:latin typeface="Arial" panose="020B0604020202020204" pitchFamily="34" charset="0"/>
                <a:ea typeface="ＭＳ Ｐゴシック" panose="020B0600070205080204" pitchFamily="50" charset="-128"/>
                <a:cs typeface="+mn-cs"/>
              </a:defRPr>
            </a:lvl1pPr>
            <a:lvl2pPr marL="342900" algn="l" rtl="0" eaLnBrk="0" fontAlgn="base" hangingPunct="0">
              <a:spcBef>
                <a:spcPct val="0"/>
              </a:spcBef>
              <a:spcAft>
                <a:spcPct val="0"/>
              </a:spcAft>
              <a:defRPr kumimoji="1" sz="1050" kern="1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  <a:cs typeface="+mn-cs"/>
              </a:defRPr>
            </a:lvl2pPr>
            <a:lvl3pPr marL="685800" algn="l" rtl="0" eaLnBrk="0" fontAlgn="base" hangingPunct="0">
              <a:spcBef>
                <a:spcPct val="0"/>
              </a:spcBef>
              <a:spcAft>
                <a:spcPct val="0"/>
              </a:spcAft>
              <a:defRPr kumimoji="1" sz="1050" kern="1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  <a:cs typeface="+mn-cs"/>
              </a:defRPr>
            </a:lvl3pPr>
            <a:lvl4pPr marL="1028700" algn="l" rtl="0" eaLnBrk="0" fontAlgn="base" hangingPunct="0">
              <a:spcBef>
                <a:spcPct val="0"/>
              </a:spcBef>
              <a:spcAft>
                <a:spcPct val="0"/>
              </a:spcAft>
              <a:defRPr kumimoji="1" sz="1050" kern="1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  <a:cs typeface="+mn-cs"/>
              </a:defRPr>
            </a:lvl4pPr>
            <a:lvl5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kumimoji="1" sz="1050" kern="1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  <a:cs typeface="+mn-cs"/>
              </a:defRPr>
            </a:lvl5pPr>
            <a:lvl6pPr marL="1714500" algn="l" defTabSz="685800" rtl="0" eaLnBrk="1" latinLnBrk="0" hangingPunct="1">
              <a:defRPr kumimoji="1" sz="1050" kern="1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  <a:cs typeface="+mn-cs"/>
              </a:defRPr>
            </a:lvl6pPr>
            <a:lvl7pPr marL="2057400" algn="l" defTabSz="685800" rtl="0" eaLnBrk="1" latinLnBrk="0" hangingPunct="1">
              <a:defRPr kumimoji="1" sz="1050" kern="1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  <a:cs typeface="+mn-cs"/>
              </a:defRPr>
            </a:lvl7pPr>
            <a:lvl8pPr marL="2400300" algn="l" defTabSz="685800" rtl="0" eaLnBrk="1" latinLnBrk="0" hangingPunct="1">
              <a:defRPr kumimoji="1" sz="1050" kern="1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  <a:cs typeface="+mn-cs"/>
              </a:defRPr>
            </a:lvl8pPr>
            <a:lvl9pPr marL="2743200" algn="l" defTabSz="685800" rtl="0" eaLnBrk="1" latinLnBrk="0" hangingPunct="1">
              <a:defRPr kumimoji="1" sz="1050" kern="1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  <a:cs typeface="+mn-cs"/>
              </a:defRPr>
            </a:lvl9pPr>
          </a:lstStyle>
          <a:p>
            <a:pPr>
              <a:spcBef>
                <a:spcPct val="0"/>
              </a:spcBef>
              <a:buFontTx/>
              <a:buNone/>
              <a:defRPr/>
            </a:pPr>
            <a:fld id="{59E35D23-8F8A-4067-8BDD-0671CB4FA5C6}" type="slidenum">
              <a:rPr lang="en-US" altLang="ja-JP" smtClean="0"/>
              <a:pPr>
                <a:spcBef>
                  <a:spcPct val="0"/>
                </a:spcBef>
                <a:buFontTx/>
                <a:buNone/>
                <a:defRPr/>
              </a:pPr>
              <a:t>4</a:t>
            </a:fld>
            <a:endParaRPr kumimoji="0" lang="en-US" altLang="ja-JP" sz="1050">
              <a:latin typeface="Tahoma" panose="020B0604030504040204" pitchFamily="34" charset="0"/>
            </a:endParaRPr>
          </a:p>
        </p:txBody>
      </p:sp>
      <p:sp>
        <p:nvSpPr>
          <p:cNvPr id="26627" name="Text Box 5">
            <a:extLst>
              <a:ext uri="{FF2B5EF4-FFF2-40B4-BE49-F238E27FC236}">
                <a16:creationId xmlns:a16="http://schemas.microsoft.com/office/drawing/2014/main" id="{F6A36184-DBC9-E0BB-EAC4-34225B16A20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907887" y="2531270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endParaRPr lang="ja-JP" altLang="en-US" sz="1800">
              <a:latin typeface="Tahoma" panose="020B0604030504040204" pitchFamily="34" charset="0"/>
              <a:ea typeface="Batang" panose="02030600000101010101" pitchFamily="18" charset="-127"/>
            </a:endParaRPr>
          </a:p>
        </p:txBody>
      </p:sp>
      <p:pic>
        <p:nvPicPr>
          <p:cNvPr id="26628" name="Picture 6" descr="akasikaikyo">
            <a:extLst>
              <a:ext uri="{FF2B5EF4-FFF2-40B4-BE49-F238E27FC236}">
                <a16:creationId xmlns:a16="http://schemas.microsoft.com/office/drawing/2014/main" id="{D0D6FCCF-0B80-7686-A551-799DB11387D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81512" y="857251"/>
            <a:ext cx="3519488" cy="25181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629" name="Text Box 7">
            <a:extLst>
              <a:ext uri="{FF2B5EF4-FFF2-40B4-BE49-F238E27FC236}">
                <a16:creationId xmlns:a16="http://schemas.microsoft.com/office/drawing/2014/main" id="{D1743A69-6FE7-9CFD-317B-4B5F319DCF2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193887" y="2416970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endParaRPr lang="ja-JP" altLang="en-US" sz="1800">
              <a:latin typeface="Tahoma" panose="020B0604030504040204" pitchFamily="34" charset="0"/>
              <a:ea typeface="Batang" panose="02030600000101010101" pitchFamily="18" charset="-127"/>
            </a:endParaRPr>
          </a:p>
        </p:txBody>
      </p:sp>
      <p:sp>
        <p:nvSpPr>
          <p:cNvPr id="26630" name="Text Box 9">
            <a:extLst>
              <a:ext uri="{FF2B5EF4-FFF2-40B4-BE49-F238E27FC236}">
                <a16:creationId xmlns:a16="http://schemas.microsoft.com/office/drawing/2014/main" id="{4F0E5A42-AADE-7BDD-A00D-CBC9ACDBE84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022187" y="3960020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endParaRPr lang="ja-JP" altLang="en-US" sz="1800">
              <a:latin typeface="Tahoma" panose="020B0604030504040204" pitchFamily="34" charset="0"/>
              <a:ea typeface="Batang" panose="02030600000101010101" pitchFamily="18" charset="-127"/>
            </a:endParaRPr>
          </a:p>
        </p:txBody>
      </p:sp>
      <p:sp>
        <p:nvSpPr>
          <p:cNvPr id="26631" name="Text Box 11">
            <a:extLst>
              <a:ext uri="{FF2B5EF4-FFF2-40B4-BE49-F238E27FC236}">
                <a16:creationId xmlns:a16="http://schemas.microsoft.com/office/drawing/2014/main" id="{30258906-DD08-6802-CA87-ACAB016DC5A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222587" y="4588670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endParaRPr lang="ja-JP" altLang="en-US" sz="1800">
              <a:latin typeface="Tahoma" panose="020B0604030504040204" pitchFamily="34" charset="0"/>
              <a:ea typeface="Batang" panose="02030600000101010101" pitchFamily="18" charset="-127"/>
            </a:endParaRPr>
          </a:p>
        </p:txBody>
      </p:sp>
      <p:sp>
        <p:nvSpPr>
          <p:cNvPr id="26632" name="Text Box 13">
            <a:extLst>
              <a:ext uri="{FF2B5EF4-FFF2-40B4-BE49-F238E27FC236}">
                <a16:creationId xmlns:a16="http://schemas.microsoft.com/office/drawing/2014/main" id="{922DB471-05F7-C014-6FA4-2DA431FBA9B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405443" y="3771901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endParaRPr lang="ja-JP" altLang="en-US" sz="1800">
              <a:latin typeface="Tahoma" panose="020B0604030504040204" pitchFamily="34" charset="0"/>
              <a:ea typeface="Batang" panose="02030600000101010101" pitchFamily="18" charset="-127"/>
            </a:endParaRPr>
          </a:p>
        </p:txBody>
      </p:sp>
      <p:sp>
        <p:nvSpPr>
          <p:cNvPr id="26633" name="Text Box 15">
            <a:extLst>
              <a:ext uri="{FF2B5EF4-FFF2-40B4-BE49-F238E27FC236}">
                <a16:creationId xmlns:a16="http://schemas.microsoft.com/office/drawing/2014/main" id="{79993117-F2C2-40AE-9ECD-71860CFE432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051137" y="2131220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endParaRPr lang="ja-JP" altLang="en-US" sz="1800">
              <a:latin typeface="Tahoma" panose="020B0604030504040204" pitchFamily="34" charset="0"/>
              <a:ea typeface="Batang" panose="02030600000101010101" pitchFamily="18" charset="-127"/>
            </a:endParaRPr>
          </a:p>
        </p:txBody>
      </p:sp>
      <p:pic>
        <p:nvPicPr>
          <p:cNvPr id="26634" name="Picture 16" descr="C:\Documents and Settings\02137\My Documents\My Pictures\main-bisan001.jpeg">
            <a:extLst>
              <a:ext uri="{FF2B5EF4-FFF2-40B4-BE49-F238E27FC236}">
                <a16:creationId xmlns:a16="http://schemas.microsoft.com/office/drawing/2014/main" id="{E608B4D8-5050-22FB-5024-50DB03D4E29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3001" y="876300"/>
            <a:ext cx="4417219" cy="23967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636" name="Picture 13">
            <a:extLst>
              <a:ext uri="{FF2B5EF4-FFF2-40B4-BE49-F238E27FC236}">
                <a16:creationId xmlns:a16="http://schemas.microsoft.com/office/drawing/2014/main" id="{45A9B060-AC98-ACF2-31D7-E70D12ACE67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3000" y="3273030"/>
            <a:ext cx="3338513" cy="27789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図 1">
            <a:extLst>
              <a:ext uri="{FF2B5EF4-FFF2-40B4-BE49-F238E27FC236}">
                <a16:creationId xmlns:a16="http://schemas.microsoft.com/office/drawing/2014/main" id="{EB2BF3A2-A2F8-414A-65E2-7F3F6337E6D8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4287199" y="3375423"/>
            <a:ext cx="3720946" cy="2606278"/>
          </a:xfrm>
          <a:prstGeom prst="rect">
            <a:avLst/>
          </a:prstGeom>
        </p:spPr>
      </p:pic>
      <p:sp>
        <p:nvSpPr>
          <p:cNvPr id="26637" name="テキスト ボックス 1">
            <a:extLst>
              <a:ext uri="{FF2B5EF4-FFF2-40B4-BE49-F238E27FC236}">
                <a16:creationId xmlns:a16="http://schemas.microsoft.com/office/drawing/2014/main" id="{DF8BE285-17BA-9B4E-6273-AD8DE5BBA99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428751" y="3313511"/>
            <a:ext cx="6340197" cy="1015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3000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社会に出たころ「造る時代」だった</a:t>
            </a:r>
            <a:endParaRPr lang="en-US" altLang="ja-JP" sz="3000" dirty="0"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3000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　２０代（１９８０年代）</a:t>
            </a:r>
          </a:p>
        </p:txBody>
      </p:sp>
    </p:spTree>
  </p:cSld>
  <p:clrMapOvr>
    <a:masterClrMapping/>
  </p:clrMapOvr>
  <p:transition spd="slow"/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図 2">
            <a:extLst>
              <a:ext uri="{FF2B5EF4-FFF2-40B4-BE49-F238E27FC236}">
                <a16:creationId xmlns:a16="http://schemas.microsoft.com/office/drawing/2014/main" id="{3188A919-41B5-4224-FE8C-F33F340875DA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33336" y="1013586"/>
            <a:ext cx="4203422" cy="3272664"/>
          </a:xfrm>
          <a:prstGeom prst="rect">
            <a:avLst/>
          </a:prstGeom>
        </p:spPr>
      </p:pic>
      <p:pic>
        <p:nvPicPr>
          <p:cNvPr id="5" name="図 4">
            <a:extLst>
              <a:ext uri="{FF2B5EF4-FFF2-40B4-BE49-F238E27FC236}">
                <a16:creationId xmlns:a16="http://schemas.microsoft.com/office/drawing/2014/main" id="{7995F4AC-A0C0-F675-5698-914A906A5E1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67719" y="1013586"/>
            <a:ext cx="4242946" cy="3375775"/>
          </a:xfrm>
          <a:prstGeom prst="rect">
            <a:avLst/>
          </a:prstGeom>
        </p:spPr>
      </p:pic>
      <p:sp>
        <p:nvSpPr>
          <p:cNvPr id="6" name="テキスト ボックス 5">
            <a:extLst>
              <a:ext uri="{FF2B5EF4-FFF2-40B4-BE49-F238E27FC236}">
                <a16:creationId xmlns:a16="http://schemas.microsoft.com/office/drawing/2014/main" id="{DA634812-7B19-FD0F-235C-77C876D62A10}"/>
              </a:ext>
            </a:extLst>
          </p:cNvPr>
          <p:cNvSpPr txBox="1"/>
          <p:nvPr/>
        </p:nvSpPr>
        <p:spPr>
          <a:xfrm>
            <a:off x="3041854" y="4960990"/>
            <a:ext cx="3019733" cy="5078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700" dirty="0"/>
              <a:t>撤去と言う選択</a:t>
            </a:r>
          </a:p>
        </p:txBody>
      </p:sp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C1C0658D-C753-9AB5-34F5-8FF25926B3B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40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928765366"/>
      </p:ext>
    </p:extLst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2946" name="Picture 9" descr="\\toyama-city.local\17建設部\1730橋りょう保全\s1\庶務関係\17ホームページ\H28.9.30～八田橋架け替え事業の案内\施工状況用\201608hattabashi.JPG">
            <a:extLst>
              <a:ext uri="{FF2B5EF4-FFF2-40B4-BE49-F238E27FC236}">
                <a16:creationId xmlns:a16="http://schemas.microsoft.com/office/drawing/2014/main" id="{5957F8BB-4AB7-3682-E221-E318F21884C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21077" y="4807871"/>
            <a:ext cx="2938289" cy="1957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947" name="Picture 10" descr="\\toyama-city.local\17建設部\1730橋りょう保全\s1\庶務関係\17ホームページ\H28.9.30～八田橋架け替え事業の案内\施工状況用\201609hattabashi.JPG">
            <a:extLst>
              <a:ext uri="{FF2B5EF4-FFF2-40B4-BE49-F238E27FC236}">
                <a16:creationId xmlns:a16="http://schemas.microsoft.com/office/drawing/2014/main" id="{EC6031CB-141F-48C6-3A40-1A2829C215C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61422" y="3807819"/>
            <a:ext cx="2714898" cy="18089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DFF45E3E-A9F4-62D9-EA2A-096F650BB7E1}"/>
              </a:ext>
            </a:extLst>
          </p:cNvPr>
          <p:cNvSpPr>
            <a:spLocks noChangeArrowheads="1"/>
          </p:cNvSpPr>
          <p:nvPr/>
        </p:nvSpPr>
        <p:spPr bwMode="auto">
          <a:xfrm>
            <a:off x="1032272" y="569715"/>
            <a:ext cx="6834188" cy="325040"/>
          </a:xfrm>
          <a:prstGeom prst="rect">
            <a:avLst/>
          </a:prstGeom>
          <a:noFill/>
          <a:ln>
            <a:noFill/>
          </a:ln>
        </p:spPr>
        <p:txBody>
          <a:bodyPr lIns="68558" tIns="34279" rIns="68558" bIns="34279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>
              <a:defRPr/>
            </a:pPr>
            <a:r>
              <a:rPr lang="ja-JP" altLang="en-US" dirty="0">
                <a:solidFill>
                  <a:srgbClr val="000000"/>
                </a:solidFill>
                <a:ea typeface="HGPｺﾞｼｯｸE" pitchFamily="50" charset="-128"/>
              </a:rPr>
              <a:t>　　架替えは必ず来る</a:t>
            </a:r>
            <a:r>
              <a:rPr lang="ja-JP" altLang="en-US" dirty="0">
                <a:ea typeface="HGPｺﾞｼｯｸE" pitchFamily="50" charset="-128"/>
              </a:rPr>
              <a:t>　⇒</a:t>
            </a:r>
            <a:r>
              <a:rPr lang="ja-JP" altLang="en-US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更新のマネジメント</a:t>
            </a:r>
            <a:endParaRPr lang="en-US" altLang="ja-JP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  <p:sp>
        <p:nvSpPr>
          <p:cNvPr id="82949" name="Rectangle 8">
            <a:extLst>
              <a:ext uri="{FF2B5EF4-FFF2-40B4-BE49-F238E27FC236}">
                <a16:creationId xmlns:a16="http://schemas.microsoft.com/office/drawing/2014/main" id="{6BA05BE0-29D2-F91E-7968-92762EFCEAC7}"/>
              </a:ext>
            </a:extLst>
          </p:cNvPr>
          <p:cNvSpPr>
            <a:spLocks noChangeArrowheads="1"/>
          </p:cNvSpPr>
          <p:nvPr/>
        </p:nvSpPr>
        <p:spPr bwMode="auto">
          <a:xfrm>
            <a:off x="1356122" y="1544241"/>
            <a:ext cx="6510338" cy="323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68558" tIns="34279" rIns="68558" bIns="34279" anchor="ctr"/>
          <a:lstStyle>
            <a:lvl1pPr>
              <a:lnSpc>
                <a:spcPct val="90000"/>
              </a:lnSpc>
              <a:spcBef>
                <a:spcPts val="750"/>
              </a:spcBef>
              <a:buFont typeface="Wingdings 2" panose="05020102010507070707" pitchFamily="18" charset="2"/>
              <a:buChar char=""/>
              <a:defRPr kumimoji="1" sz="21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5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>
              <a:lnSpc>
                <a:spcPct val="100000"/>
              </a:lnSpc>
              <a:spcBef>
                <a:spcPct val="0"/>
              </a:spcBef>
              <a:buFontTx/>
              <a:buNone/>
            </a:pPr>
            <a:r>
              <a:rPr lang="ja-JP" altLang="en-US" sz="1800" dirty="0">
                <a:solidFill>
                  <a:srgbClr val="000000"/>
                </a:solidFill>
                <a:latin typeface="Arial" panose="020B0604020202020204" pitchFamily="34" charset="0"/>
                <a:ea typeface="HGPｺﾞｼｯｸE" panose="020B0900000000000000" pitchFamily="50" charset="-128"/>
              </a:rPr>
              <a:t>［八田橋架替事業］　大規模修繕交付金事業</a:t>
            </a:r>
            <a:endParaRPr lang="en-US" altLang="ja-JP" sz="1800" dirty="0">
              <a:solidFill>
                <a:srgbClr val="000000"/>
              </a:solidFill>
              <a:latin typeface="Arial" panose="020B0604020202020204" pitchFamily="34" charset="0"/>
              <a:ea typeface="HGPｺﾞｼｯｸE" panose="020B0900000000000000" pitchFamily="50" charset="-128"/>
            </a:endParaRPr>
          </a:p>
          <a:p>
            <a:pPr eaLnBrk="1" hangingPunct="1">
              <a:lnSpc>
                <a:spcPct val="100000"/>
              </a:lnSpc>
              <a:spcBef>
                <a:spcPct val="0"/>
              </a:spcBef>
              <a:buFontTx/>
              <a:buNone/>
            </a:pPr>
            <a:r>
              <a:rPr lang="ja-JP" altLang="en-US" sz="1800" dirty="0">
                <a:solidFill>
                  <a:srgbClr val="FF0000"/>
                </a:solidFill>
                <a:latin typeface="Arial" panose="020B0604020202020204" pitchFamily="34" charset="0"/>
                <a:ea typeface="HGPｺﾞｼｯｸE" panose="020B0900000000000000" pitchFamily="50" charset="-128"/>
              </a:rPr>
              <a:t>更新を考慮したマネジメント計画を早期に策定、見直しも！</a:t>
            </a:r>
            <a:endParaRPr lang="ja-JP" altLang="en-US" sz="1800" b="1" dirty="0">
              <a:solidFill>
                <a:srgbClr val="FF0000"/>
              </a:solidFill>
              <a:latin typeface="Arial" panose="020B0604020202020204" pitchFamily="34" charset="0"/>
              <a:ea typeface="HGPｺﾞｼｯｸE" panose="020B0900000000000000" pitchFamily="50" charset="-128"/>
            </a:endParaRPr>
          </a:p>
        </p:txBody>
      </p:sp>
      <p:sp>
        <p:nvSpPr>
          <p:cNvPr id="82950" name="Rectangle 17">
            <a:extLst>
              <a:ext uri="{FF2B5EF4-FFF2-40B4-BE49-F238E27FC236}">
                <a16:creationId xmlns:a16="http://schemas.microsoft.com/office/drawing/2014/main" id="{3876EEFF-F427-5BFB-2E42-9F8C3FACAA26}"/>
              </a:ext>
            </a:extLst>
          </p:cNvPr>
          <p:cNvSpPr>
            <a:spLocks noChangeArrowheads="1"/>
          </p:cNvSpPr>
          <p:nvPr/>
        </p:nvSpPr>
        <p:spPr bwMode="auto">
          <a:xfrm>
            <a:off x="1356123" y="2109789"/>
            <a:ext cx="6426994" cy="57031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285750" indent="-285750">
              <a:lnSpc>
                <a:spcPct val="90000"/>
              </a:lnSpc>
              <a:spcBef>
                <a:spcPts val="750"/>
              </a:spcBef>
              <a:buFont typeface="Wingdings 2" panose="05020102010507070707" pitchFamily="18" charset="2"/>
              <a:buChar char=""/>
              <a:defRPr kumimoji="1" sz="21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5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</a:pPr>
            <a:r>
              <a:rPr lang="ja-JP" altLang="en-US" sz="1800" b="1" dirty="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耐震性の遅れと⇒地震に関する認識不足</a:t>
            </a:r>
            <a:endParaRPr lang="en-US" altLang="ja-JP" sz="1800" b="1" dirty="0"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</a:pPr>
            <a:r>
              <a:rPr lang="ja-JP" altLang="en-US" sz="1800" b="1" dirty="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複雑で多い添加物　⇒</a:t>
            </a: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膨大な移設費用　⇒　今後の課題</a:t>
            </a:r>
            <a:endParaRPr lang="en-US" altLang="ja-JP" sz="1800" b="1" dirty="0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</a:pP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ゲルバー構造の厄介性　⇒早期排除</a:t>
            </a:r>
            <a:endParaRPr lang="en-US" altLang="ja-JP" sz="18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</a:pP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今後の「更新のマネジメント」</a:t>
            </a: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財政</a:t>
            </a:r>
            <a:r>
              <a:rPr lang="ja-JP" altLang="en-US" sz="30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リスクの減</a:t>
            </a:r>
            <a:endParaRPr lang="en-US" altLang="ja-JP" sz="3000" b="1" dirty="0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pic>
        <p:nvPicPr>
          <p:cNvPr id="82951" name="Picture 2">
            <a:extLst>
              <a:ext uri="{FF2B5EF4-FFF2-40B4-BE49-F238E27FC236}">
                <a16:creationId xmlns:a16="http://schemas.microsoft.com/office/drawing/2014/main" id="{C82D6608-E128-0BAA-3E43-2EF76350CCE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4291" y="3886200"/>
            <a:ext cx="2938289" cy="16521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4B7CAAFB-F86D-B13C-48B2-5894A9F094A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41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771682517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F652D511-F8C6-862D-A92D-38D88A04069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50E13FB-DCAF-430E-9FD5-74CCF70954EF}" type="slidenum">
              <a:rPr lang="en-US" altLang="ja-JP" smtClean="0">
                <a:solidFill>
                  <a:srgbClr val="000000"/>
                </a:solidFill>
              </a:rPr>
              <a:pPr/>
              <a:t>42</a:t>
            </a:fld>
            <a:endParaRPr lang="en-US" altLang="ja-JP">
              <a:solidFill>
                <a:srgbClr val="000000"/>
              </a:solidFill>
            </a:endParaRP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26B6B0B8-DE1A-4B7C-AAC8-E0AB6A360189}"/>
              </a:ext>
            </a:extLst>
          </p:cNvPr>
          <p:cNvSpPr txBox="1"/>
          <p:nvPr/>
        </p:nvSpPr>
        <p:spPr>
          <a:xfrm>
            <a:off x="881744" y="751115"/>
            <a:ext cx="7191216" cy="35548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300" dirty="0"/>
              <a:t>財政と人財が不足</a:t>
            </a:r>
            <a:endParaRPr lang="en-US" altLang="ja-JP" sz="3300" dirty="0"/>
          </a:p>
          <a:p>
            <a:endParaRPr lang="en-US" altLang="ja-JP" sz="2400" dirty="0"/>
          </a:p>
          <a:p>
            <a:r>
              <a:rPr lang="ja-JP" altLang="en-US" sz="2400" dirty="0"/>
              <a:t>多くの自治体が財政不足、人材不足</a:t>
            </a:r>
            <a:endParaRPr lang="en-US" altLang="ja-JP" sz="2400" dirty="0"/>
          </a:p>
          <a:p>
            <a:r>
              <a:rPr lang="ja-JP" altLang="en-US" sz="2400" dirty="0"/>
              <a:t>⇒解決策は、「包括委託」「民間活力導入」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職員：専門知識の欠如。</a:t>
            </a:r>
            <a:endParaRPr lang="en-US" altLang="ja-JP" sz="2400" dirty="0"/>
          </a:p>
          <a:p>
            <a:r>
              <a:rPr lang="ja-JP" altLang="en-US" sz="2400" dirty="0"/>
              <a:t>民間業者：いつまでも造る時代の思考。</a:t>
            </a:r>
            <a:endParaRPr lang="en-US" altLang="ja-JP" sz="2400" dirty="0"/>
          </a:p>
          <a:p>
            <a:r>
              <a:rPr lang="ja-JP" altLang="en-US" sz="2400" dirty="0"/>
              <a:t>議員：表にならないことは興味がない</a:t>
            </a:r>
            <a:endParaRPr lang="en-US" altLang="ja-JP" sz="2400" dirty="0"/>
          </a:p>
          <a:p>
            <a:r>
              <a:rPr lang="ja-JP" altLang="en-US" sz="2400" dirty="0"/>
              <a:t>　　　　　　　　　　　　　　　　　　等</a:t>
            </a:r>
          </a:p>
        </p:txBody>
      </p:sp>
    </p:spTree>
    <p:extLst>
      <p:ext uri="{BB962C8B-B14F-4D97-AF65-F5344CB8AC3E}">
        <p14:creationId xmlns:p14="http://schemas.microsoft.com/office/powerpoint/2010/main" val="697849466"/>
      </p:ext>
    </p:extLst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図 2">
            <a:extLst>
              <a:ext uri="{FF2B5EF4-FFF2-40B4-BE49-F238E27FC236}">
                <a16:creationId xmlns:a16="http://schemas.microsoft.com/office/drawing/2014/main" id="{C35C2F22-5236-4B4D-A8F3-EE33AEA612E7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1096" r="1097"/>
          <a:stretch/>
        </p:blipFill>
        <p:spPr>
          <a:xfrm rot="21480000">
            <a:off x="494730" y="1182366"/>
            <a:ext cx="3792382" cy="2429449"/>
          </a:xfrm>
          <a:prstGeom prst="rect">
            <a:avLst/>
          </a:prstGeom>
        </p:spPr>
      </p:pic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9F67C5CF-4F6E-4709-B8F3-09C490FBE34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6457950" y="6356350"/>
            <a:ext cx="2057400" cy="365125"/>
          </a:xfrm>
        </p:spPr>
        <p:txBody>
          <a:bodyPr>
            <a:normAutofit/>
          </a:bodyPr>
          <a:lstStyle/>
          <a:p>
            <a:pPr>
              <a:spcAft>
                <a:spcPts val="600"/>
              </a:spcAft>
            </a:pPr>
            <a:fld id="{7D5A2C38-BF5A-4117-A3B3-4E986D472ED9}" type="slidenum">
              <a:rPr kumimoji="1" lang="ja-JP" altLang="en-US"/>
              <a:pPr>
                <a:spcAft>
                  <a:spcPts val="600"/>
                </a:spcAft>
              </a:pPr>
              <a:t>43</a:t>
            </a:fld>
            <a:endParaRPr kumimoji="1" lang="ja-JP" altLang="en-US"/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C38C7529-B00E-4A21-AB62-88AE29DFE0CE}"/>
              </a:ext>
            </a:extLst>
          </p:cNvPr>
          <p:cNvSpPr txBox="1"/>
          <p:nvPr/>
        </p:nvSpPr>
        <p:spPr>
          <a:xfrm>
            <a:off x="395536" y="154856"/>
            <a:ext cx="2969083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4000" b="1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財政的リスク</a:t>
            </a:r>
            <a:endParaRPr kumimoji="1" lang="en-US" altLang="ja-JP" sz="4000" b="1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r>
              <a:rPr lang="ja-JP" altLang="en-US" sz="2400" b="1" dirty="0"/>
              <a:t>　　　</a:t>
            </a:r>
            <a:endParaRPr kumimoji="1" lang="ja-JP" altLang="en-US" sz="2400" b="1" dirty="0"/>
          </a:p>
        </p:txBody>
      </p:sp>
      <p:pic>
        <p:nvPicPr>
          <p:cNvPr id="5" name="図 4">
            <a:extLst>
              <a:ext uri="{FF2B5EF4-FFF2-40B4-BE49-F238E27FC236}">
                <a16:creationId xmlns:a16="http://schemas.microsoft.com/office/drawing/2014/main" id="{A8B5CAAA-7B84-42B9-AB67-CC01E32F7546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10498" r="26941" b="-2"/>
          <a:stretch/>
        </p:blipFill>
        <p:spPr>
          <a:xfrm>
            <a:off x="3923928" y="2397090"/>
            <a:ext cx="4896544" cy="4402652"/>
          </a:xfrm>
          <a:prstGeom prst="rect">
            <a:avLst/>
          </a:prstGeom>
        </p:spPr>
      </p:pic>
      <p:sp>
        <p:nvSpPr>
          <p:cNvPr id="6" name="テキスト ボックス 5">
            <a:extLst>
              <a:ext uri="{FF2B5EF4-FFF2-40B4-BE49-F238E27FC236}">
                <a16:creationId xmlns:a16="http://schemas.microsoft.com/office/drawing/2014/main" id="{4118F1A0-F198-4541-B5FA-4934E636C2EC}"/>
              </a:ext>
            </a:extLst>
          </p:cNvPr>
          <p:cNvSpPr txBox="1"/>
          <p:nvPr/>
        </p:nvSpPr>
        <p:spPr>
          <a:xfrm>
            <a:off x="4311186" y="493410"/>
            <a:ext cx="407996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2000" dirty="0"/>
              <a:t>NHK</a:t>
            </a:r>
            <a:r>
              <a:rPr kumimoji="1" lang="ja-JP" altLang="en-US" sz="2000" dirty="0"/>
              <a:t>クローズアップ現代＋　にて</a:t>
            </a:r>
          </a:p>
        </p:txBody>
      </p:sp>
      <p:sp>
        <p:nvSpPr>
          <p:cNvPr id="7" name="テキスト ボックス 6">
            <a:extLst>
              <a:ext uri="{FF2B5EF4-FFF2-40B4-BE49-F238E27FC236}">
                <a16:creationId xmlns:a16="http://schemas.microsoft.com/office/drawing/2014/main" id="{B0722D03-FF69-4D0E-8515-E6BD05158AE5}"/>
              </a:ext>
            </a:extLst>
          </p:cNvPr>
          <p:cNvSpPr txBox="1"/>
          <p:nvPr/>
        </p:nvSpPr>
        <p:spPr>
          <a:xfrm>
            <a:off x="179512" y="4026660"/>
            <a:ext cx="3913251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400" dirty="0"/>
              <a:t>人口減少、財政難</a:t>
            </a:r>
            <a:endParaRPr kumimoji="1" lang="en-US" altLang="ja-JP" sz="2400" dirty="0"/>
          </a:p>
          <a:p>
            <a:r>
              <a:rPr lang="ja-JP" altLang="en-US" sz="2400" dirty="0"/>
              <a:t>このスピードに勝てるか？</a:t>
            </a:r>
            <a:endParaRPr lang="en-US" altLang="ja-JP" sz="2400" dirty="0"/>
          </a:p>
          <a:p>
            <a:endParaRPr kumimoji="1" lang="en-US" altLang="ja-JP" sz="2400" dirty="0"/>
          </a:p>
          <a:p>
            <a:r>
              <a:rPr lang="ja-JP" altLang="en-US" sz="2400" dirty="0"/>
              <a:t>来年度、コロナ禍で税収が</a:t>
            </a:r>
            <a:endParaRPr lang="en-US" altLang="ja-JP" sz="2400" dirty="0"/>
          </a:p>
          <a:p>
            <a:r>
              <a:rPr kumimoji="1" lang="en-US" altLang="ja-JP" sz="2400" dirty="0"/>
              <a:t>50</a:t>
            </a:r>
            <a:r>
              <a:rPr kumimoji="1" lang="ja-JP" altLang="en-US" sz="2400" dirty="0"/>
              <a:t>億円以上減少（富山市）</a:t>
            </a:r>
            <a:endParaRPr kumimoji="1" lang="en-US" altLang="ja-JP" sz="2400" dirty="0"/>
          </a:p>
          <a:p>
            <a:r>
              <a:rPr lang="ja-JP" altLang="en-US" sz="2400" dirty="0"/>
              <a:t>国難</a:t>
            </a:r>
            <a:endParaRPr kumimoji="1" lang="ja-JP" altLang="en-US" sz="2400" dirty="0"/>
          </a:p>
        </p:txBody>
      </p:sp>
    </p:spTree>
    <p:extLst>
      <p:ext uri="{BB962C8B-B14F-4D97-AF65-F5344CB8AC3E}">
        <p14:creationId xmlns:p14="http://schemas.microsoft.com/office/powerpoint/2010/main" val="738112100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17">
            <a:extLst>
              <a:ext uri="{FF2B5EF4-FFF2-40B4-BE49-F238E27FC236}">
                <a16:creationId xmlns:a16="http://schemas.microsoft.com/office/drawing/2014/main" id="{BC2DF91A-910C-909E-39E6-841BF280E186}"/>
              </a:ext>
            </a:extLst>
          </p:cNvPr>
          <p:cNvSpPr>
            <a:spLocks noChangeArrowheads="1"/>
          </p:cNvSpPr>
          <p:nvPr/>
        </p:nvSpPr>
        <p:spPr bwMode="auto">
          <a:xfrm>
            <a:off x="319088" y="822325"/>
            <a:ext cx="8367712" cy="1152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buFont typeface="Wingdings" panose="05000000000000000000" pitchFamily="2" charset="2"/>
              <a:buChar char="Ø"/>
            </a:pPr>
            <a:r>
              <a:rPr lang="ja-JP" altLang="en-US" sz="2000" b="1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橋台全体で</a:t>
            </a:r>
            <a:r>
              <a:rPr lang="en-US" altLang="ja-JP" sz="2000" b="1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ASR</a:t>
            </a:r>
            <a:r>
              <a:rPr lang="ja-JP" altLang="en-US" sz="2000" b="1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が進展し、ひび割れが多数発生</a:t>
            </a:r>
            <a:endParaRPr lang="en-US" altLang="ja-JP" sz="2000" b="1">
              <a:solidFill>
                <a:srgbClr val="323232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buFont typeface="Wingdings" panose="05000000000000000000" pitchFamily="2" charset="2"/>
              <a:buChar char="Ø"/>
            </a:pPr>
            <a:r>
              <a:rPr lang="ja-JP" altLang="en-US" sz="2000" b="1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パラペットに発生している鉛直方向にコンクリートの割れが進展</a:t>
            </a:r>
            <a:endParaRPr lang="en-US" altLang="ja-JP" sz="2000" b="1">
              <a:solidFill>
                <a:srgbClr val="323232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buFont typeface="Wingdings" panose="05000000000000000000" pitchFamily="2" charset="2"/>
              <a:buChar char="Ø"/>
            </a:pPr>
            <a:r>
              <a:rPr lang="ja-JP" altLang="en-US" sz="2000" b="1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残存膨張性を確認［デンマーク法］</a:t>
            </a:r>
            <a:endParaRPr lang="en-US" altLang="ja-JP" sz="2000" b="1">
              <a:solidFill>
                <a:srgbClr val="323232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30723" name="スライド番号プレースホルダー 1">
            <a:extLst>
              <a:ext uri="{FF2B5EF4-FFF2-40B4-BE49-F238E27FC236}">
                <a16:creationId xmlns:a16="http://schemas.microsoft.com/office/drawing/2014/main" id="{EF6F4E33-911B-342E-07CD-58B965AB8363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en-US" altLang="ja-JP" sz="1200">
                <a:solidFill>
                  <a:srgbClr val="898989"/>
                </a:solidFill>
                <a:latin typeface="Arial" panose="020B0604020202020204" pitchFamily="34" charset="0"/>
              </a:rPr>
              <a:t>-</a:t>
            </a:r>
            <a:fld id="{E7BCE4A9-20C7-433B-B512-5CBEACB156DB}" type="slidenum">
              <a:rPr lang="ja-JP" altLang="en-US" sz="1200" smtClean="0">
                <a:solidFill>
                  <a:srgbClr val="898989"/>
                </a:solidFill>
                <a:latin typeface="Arial" panose="020B0604020202020204" pitchFamily="34" charset="0"/>
              </a:rPr>
              <a:pPr>
                <a:spcBef>
                  <a:spcPct val="0"/>
                </a:spcBef>
                <a:buFontTx/>
                <a:buNone/>
              </a:pPr>
              <a:t>44</a:t>
            </a:fld>
            <a:r>
              <a:rPr lang="en-US" altLang="ja-JP" sz="1200">
                <a:solidFill>
                  <a:srgbClr val="898989"/>
                </a:solidFill>
                <a:latin typeface="Arial" panose="020B0604020202020204" pitchFamily="34" charset="0"/>
              </a:rPr>
              <a:t>-</a:t>
            </a:r>
            <a:endParaRPr lang="ja-JP" altLang="en-US" sz="12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  <p:pic>
        <p:nvPicPr>
          <p:cNvPr id="30724" name="図 7">
            <a:extLst>
              <a:ext uri="{FF2B5EF4-FFF2-40B4-BE49-F238E27FC236}">
                <a16:creationId xmlns:a16="http://schemas.microsoft.com/office/drawing/2014/main" id="{585D5CCD-822D-95B5-1A13-3B880C580E7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749" r="25331" b="32010"/>
          <a:stretch>
            <a:fillRect/>
          </a:stretch>
        </p:blipFill>
        <p:spPr bwMode="auto">
          <a:xfrm>
            <a:off x="493713" y="2768600"/>
            <a:ext cx="2519362" cy="3460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725" name="Rectangle 8">
            <a:extLst>
              <a:ext uri="{FF2B5EF4-FFF2-40B4-BE49-F238E27FC236}">
                <a16:creationId xmlns:a16="http://schemas.microsoft.com/office/drawing/2014/main" id="{4243483E-0F06-34C6-0183-AE744F026B90}"/>
              </a:ext>
            </a:extLst>
          </p:cNvPr>
          <p:cNvSpPr>
            <a:spLocks noChangeArrowheads="1"/>
          </p:cNvSpPr>
          <p:nvPr/>
        </p:nvSpPr>
        <p:spPr bwMode="auto">
          <a:xfrm>
            <a:off x="404813" y="2241550"/>
            <a:ext cx="2989262" cy="649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00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橋台のひび割れ展開図</a:t>
            </a:r>
            <a:endParaRPr lang="en-US" altLang="ja-JP" sz="2000"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30726" name="Rectangle 8">
            <a:extLst>
              <a:ext uri="{FF2B5EF4-FFF2-40B4-BE49-F238E27FC236}">
                <a16:creationId xmlns:a16="http://schemas.microsoft.com/office/drawing/2014/main" id="{7C5DDCFA-C7D4-4B88-08E1-FFC46BEDEB45}"/>
              </a:ext>
            </a:extLst>
          </p:cNvPr>
          <p:cNvSpPr>
            <a:spLocks noChangeArrowheads="1"/>
          </p:cNvSpPr>
          <p:nvPr/>
        </p:nvSpPr>
        <p:spPr bwMode="auto">
          <a:xfrm>
            <a:off x="323850" y="6237288"/>
            <a:ext cx="1666875" cy="647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ja-JP" sz="120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A1</a:t>
            </a:r>
          </a:p>
        </p:txBody>
      </p:sp>
      <p:sp>
        <p:nvSpPr>
          <p:cNvPr id="30727" name="Rectangle 8">
            <a:extLst>
              <a:ext uri="{FF2B5EF4-FFF2-40B4-BE49-F238E27FC236}">
                <a16:creationId xmlns:a16="http://schemas.microsoft.com/office/drawing/2014/main" id="{3154DB99-ACF4-B114-AF30-FDC0F36FE5EB}"/>
              </a:ext>
            </a:extLst>
          </p:cNvPr>
          <p:cNvSpPr>
            <a:spLocks noChangeArrowheads="1"/>
          </p:cNvSpPr>
          <p:nvPr/>
        </p:nvSpPr>
        <p:spPr bwMode="auto">
          <a:xfrm>
            <a:off x="2195513" y="6237288"/>
            <a:ext cx="1666875" cy="647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ja-JP" sz="120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A</a:t>
            </a:r>
            <a:r>
              <a:rPr lang="ja-JP" altLang="en-US" sz="120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２</a:t>
            </a:r>
            <a:endParaRPr lang="en-US" altLang="ja-JP" sz="1200"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grpSp>
        <p:nvGrpSpPr>
          <p:cNvPr id="30728" name="グループ化 21">
            <a:extLst>
              <a:ext uri="{FF2B5EF4-FFF2-40B4-BE49-F238E27FC236}">
                <a16:creationId xmlns:a16="http://schemas.microsoft.com/office/drawing/2014/main" id="{418F71A7-0E6F-2B2A-01A2-1D4966289CE7}"/>
              </a:ext>
            </a:extLst>
          </p:cNvPr>
          <p:cNvGrpSpPr>
            <a:grpSpLocks/>
          </p:cNvGrpSpPr>
          <p:nvPr/>
        </p:nvGrpSpPr>
        <p:grpSpPr bwMode="auto">
          <a:xfrm>
            <a:off x="3565525" y="2187575"/>
            <a:ext cx="2168525" cy="4552950"/>
            <a:chOff x="7020272" y="2037398"/>
            <a:chExt cx="1877060" cy="4460240"/>
          </a:xfrm>
        </p:grpSpPr>
        <p:pic>
          <p:nvPicPr>
            <p:cNvPr id="30738" name="図 12">
              <a:extLst>
                <a:ext uri="{FF2B5EF4-FFF2-40B4-BE49-F238E27FC236}">
                  <a16:creationId xmlns:a16="http://schemas.microsoft.com/office/drawing/2014/main" id="{0721970A-4571-66D9-4D2E-4F04537636CC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7641619" y="4373881"/>
              <a:ext cx="1456055" cy="101473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0739" name="図 13">
              <a:extLst>
                <a:ext uri="{FF2B5EF4-FFF2-40B4-BE49-F238E27FC236}">
                  <a16:creationId xmlns:a16="http://schemas.microsoft.com/office/drawing/2014/main" id="{FE384EA0-A4FB-6053-F9F6-382CEEFD2826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7658447" y="5258753"/>
              <a:ext cx="1463040" cy="101473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0740" name="図 14">
              <a:extLst>
                <a:ext uri="{FF2B5EF4-FFF2-40B4-BE49-F238E27FC236}">
                  <a16:creationId xmlns:a16="http://schemas.microsoft.com/office/drawing/2014/main" id="{4A2FD2B1-EB3F-0D12-AEDD-39DF2BD5DB62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7250459" y="3112771"/>
              <a:ext cx="1456055" cy="101473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0741" name="図 15">
              <a:extLst>
                <a:ext uri="{FF2B5EF4-FFF2-40B4-BE49-F238E27FC236}">
                  <a16:creationId xmlns:a16="http://schemas.microsoft.com/office/drawing/2014/main" id="{73B9C27B-47CD-BB9E-2FE5-D4954F15EF04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6796117" y="2261553"/>
              <a:ext cx="1463040" cy="101473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7" name="Rectangle 8">
            <a:extLst>
              <a:ext uri="{FF2B5EF4-FFF2-40B4-BE49-F238E27FC236}">
                <a16:creationId xmlns:a16="http://schemas.microsoft.com/office/drawing/2014/main" id="{7466EEB8-B83C-D170-B2A3-8212CB5B5BDA}"/>
              </a:ext>
            </a:extLst>
          </p:cNvPr>
          <p:cNvSpPr>
            <a:spLocks noChangeArrowheads="1"/>
          </p:cNvSpPr>
          <p:nvPr/>
        </p:nvSpPr>
        <p:spPr bwMode="auto">
          <a:xfrm>
            <a:off x="493713" y="268288"/>
            <a:ext cx="7921625" cy="431800"/>
          </a:xfrm>
          <a:prstGeom prst="rect">
            <a:avLst/>
          </a:prstGeom>
          <a:noFill/>
          <a:ln>
            <a:noFill/>
          </a:ln>
        </p:spPr>
        <p:txBody>
          <a:bodyPr lIns="91411" tIns="45705" rIns="91411" bIns="45705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>
              <a:defRPr/>
            </a:pPr>
            <a:r>
              <a:rPr lang="ja-JP" altLang="en-US" sz="2000" dirty="0">
                <a:solidFill>
                  <a:schemeClr val="tx2">
                    <a:lumMod val="60000"/>
                    <a:lumOff val="40000"/>
                  </a:schemeClr>
                </a:solidFill>
                <a:ea typeface="HGPｺﾞｼｯｸE" pitchFamily="50" charset="-128"/>
              </a:rPr>
              <a:t>ＡＳＲによる損傷</a:t>
            </a:r>
            <a:endParaRPr lang="ja-JP" altLang="en-US" sz="1400" dirty="0">
              <a:solidFill>
                <a:schemeClr val="tx2">
                  <a:lumMod val="60000"/>
                  <a:lumOff val="40000"/>
                </a:schemeClr>
              </a:solidFill>
              <a:ea typeface="HGPｺﾞｼｯｸE" pitchFamily="50" charset="-128"/>
            </a:endParaRPr>
          </a:p>
        </p:txBody>
      </p:sp>
      <p:grpSp>
        <p:nvGrpSpPr>
          <p:cNvPr id="30730" name="グループ化 3">
            <a:extLst>
              <a:ext uri="{FF2B5EF4-FFF2-40B4-BE49-F238E27FC236}">
                <a16:creationId xmlns:a16="http://schemas.microsoft.com/office/drawing/2014/main" id="{197CA2E6-B009-EE11-20FC-9A3273D691AB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6084888" y="4779963"/>
            <a:ext cx="2760662" cy="1152525"/>
            <a:chOff x="2668270" y="4881246"/>
            <a:chExt cx="3820795" cy="1595120"/>
          </a:xfrm>
        </p:grpSpPr>
        <p:pic>
          <p:nvPicPr>
            <p:cNvPr id="30736" name="図 18">
              <a:extLst>
                <a:ext uri="{FF2B5EF4-FFF2-40B4-BE49-F238E27FC236}">
                  <a16:creationId xmlns:a16="http://schemas.microsoft.com/office/drawing/2014/main" id="{D100F886-AEC6-3C8A-DB4D-1FD7C21F57E8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668270" y="4881246"/>
              <a:ext cx="1937385" cy="159512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30737" name="図 20">
              <a:extLst>
                <a:ext uri="{FF2B5EF4-FFF2-40B4-BE49-F238E27FC236}">
                  <a16:creationId xmlns:a16="http://schemas.microsoft.com/office/drawing/2014/main" id="{57F66D51-0DDB-9650-AF95-AC3EA2823865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469765" y="4881246"/>
              <a:ext cx="2019300" cy="159512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24" name="角丸四角形 23">
            <a:extLst>
              <a:ext uri="{FF2B5EF4-FFF2-40B4-BE49-F238E27FC236}">
                <a16:creationId xmlns:a16="http://schemas.microsoft.com/office/drawing/2014/main" id="{BEF6B9EF-CEB7-73B9-E1C8-371ED7117014}"/>
              </a:ext>
            </a:extLst>
          </p:cNvPr>
          <p:cNvSpPr/>
          <p:nvPr/>
        </p:nvSpPr>
        <p:spPr>
          <a:xfrm>
            <a:off x="1812925" y="2846388"/>
            <a:ext cx="307975" cy="838200"/>
          </a:xfrm>
          <a:prstGeom prst="roundRect">
            <a:avLst/>
          </a:prstGeom>
          <a:noFill/>
          <a:ln>
            <a:solidFill>
              <a:srgbClr val="99CC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/>
          </a:p>
        </p:txBody>
      </p:sp>
      <p:pic>
        <p:nvPicPr>
          <p:cNvPr id="30732" name="Picture 3" descr="\\toyama-city.local\17建設部\1708建設政策\s1\_定数外\_課共有２（移行）\01_画像等\03,計画係\橋梁\瓶岩橋\20151019\IMG_8825.JPG">
            <a:extLst>
              <a:ext uri="{FF2B5EF4-FFF2-40B4-BE49-F238E27FC236}">
                <a16:creationId xmlns:a16="http://schemas.microsoft.com/office/drawing/2014/main" id="{E11C6DEF-1B8B-F540-20AA-6ABDD9AE3E5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10238" y="1944688"/>
            <a:ext cx="2786062" cy="1858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5" name="フリーフォーム 24">
            <a:extLst>
              <a:ext uri="{FF2B5EF4-FFF2-40B4-BE49-F238E27FC236}">
                <a16:creationId xmlns:a16="http://schemas.microsoft.com/office/drawing/2014/main" id="{EC31E74C-DC8A-4301-8CDC-0C31493AB232}"/>
              </a:ext>
            </a:extLst>
          </p:cNvPr>
          <p:cNvSpPr/>
          <p:nvPr/>
        </p:nvSpPr>
        <p:spPr>
          <a:xfrm flipV="1">
            <a:off x="1966913" y="2768600"/>
            <a:ext cx="2455862" cy="444500"/>
          </a:xfrm>
          <a:custGeom>
            <a:avLst/>
            <a:gdLst>
              <a:gd name="connsiteX0" fmla="*/ 2540000 w 2540000"/>
              <a:gd name="connsiteY0" fmla="*/ 190500 h 190500"/>
              <a:gd name="connsiteX1" fmla="*/ 0 w 2540000"/>
              <a:gd name="connsiteY1" fmla="*/ 0 h 190500"/>
              <a:gd name="connsiteX0" fmla="*/ 147693 w 1709227"/>
              <a:gd name="connsiteY0" fmla="*/ 118752 h 118752"/>
              <a:gd name="connsiteX1" fmla="*/ 1561534 w 1709227"/>
              <a:gd name="connsiteY1" fmla="*/ 0 h 118752"/>
              <a:gd name="connsiteX0" fmla="*/ 0 w 1413841"/>
              <a:gd name="connsiteY0" fmla="*/ 118752 h 118752"/>
              <a:gd name="connsiteX1" fmla="*/ 1413841 w 1413841"/>
              <a:gd name="connsiteY1" fmla="*/ 0 h 118752"/>
              <a:gd name="connsiteX0" fmla="*/ 0 w 781226"/>
              <a:gd name="connsiteY0" fmla="*/ 60049 h 60049"/>
              <a:gd name="connsiteX1" fmla="*/ 781226 w 781226"/>
              <a:gd name="connsiteY1" fmla="*/ 0 h 60049"/>
              <a:gd name="connsiteX0" fmla="*/ 0 w 16464787"/>
              <a:gd name="connsiteY0" fmla="*/ 0 h 225312"/>
              <a:gd name="connsiteX1" fmla="*/ 16464787 w 16464787"/>
              <a:gd name="connsiteY1" fmla="*/ 225312 h 22531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16464787" h="225312">
                <a:moveTo>
                  <a:pt x="0" y="0"/>
                </a:moveTo>
                <a:lnTo>
                  <a:pt x="16464787" y="225312"/>
                </a:lnTo>
              </a:path>
            </a:pathLst>
          </a:custGeom>
          <a:noFill/>
          <a:ln>
            <a:solidFill>
              <a:srgbClr val="99CC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/>
          </a:p>
        </p:txBody>
      </p:sp>
      <p:sp>
        <p:nvSpPr>
          <p:cNvPr id="30734" name="Rectangle 8">
            <a:extLst>
              <a:ext uri="{FF2B5EF4-FFF2-40B4-BE49-F238E27FC236}">
                <a16:creationId xmlns:a16="http://schemas.microsoft.com/office/drawing/2014/main" id="{F0003D18-A221-B1D9-D506-6ACE87541DB7}"/>
              </a:ext>
            </a:extLst>
          </p:cNvPr>
          <p:cNvSpPr>
            <a:spLocks noChangeArrowheads="1"/>
          </p:cNvSpPr>
          <p:nvPr/>
        </p:nvSpPr>
        <p:spPr bwMode="auto">
          <a:xfrm>
            <a:off x="6369050" y="3851275"/>
            <a:ext cx="2230438" cy="647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00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伸縮装置の破断</a:t>
            </a:r>
            <a:endParaRPr lang="en-US" altLang="ja-JP" sz="2000"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00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パラペットの割れ</a:t>
            </a:r>
            <a:endParaRPr lang="en-US" altLang="ja-JP" sz="2000"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30735" name="Rectangle 8">
            <a:extLst>
              <a:ext uri="{FF2B5EF4-FFF2-40B4-BE49-F238E27FC236}">
                <a16:creationId xmlns:a16="http://schemas.microsoft.com/office/drawing/2014/main" id="{C02D6CEB-CE7D-B72B-FA5A-D8E4EF36822F}"/>
              </a:ext>
            </a:extLst>
          </p:cNvPr>
          <p:cNvSpPr>
            <a:spLocks noChangeArrowheads="1"/>
          </p:cNvSpPr>
          <p:nvPr/>
        </p:nvSpPr>
        <p:spPr bwMode="auto">
          <a:xfrm>
            <a:off x="6364288" y="5932488"/>
            <a:ext cx="2322512" cy="4238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00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亀甲状のひび割れ</a:t>
            </a:r>
            <a:endParaRPr lang="en-US" altLang="ja-JP" sz="2000"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</p:spTree>
  </p:cSld>
  <p:clrMapOvr>
    <a:masterClrMapping/>
  </p:clrMapOvr>
  <p:transition spd="slow"/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746" name="Picture 6" descr="\\toyama-city.local\17建設部\1708建設政策\s1\_定数外\_課共有２（移行）\01_画像等\03,計画係\橋梁\瓶岩橋\20150804\IMG_0158.JPG">
            <a:extLst>
              <a:ext uri="{FF2B5EF4-FFF2-40B4-BE49-F238E27FC236}">
                <a16:creationId xmlns:a16="http://schemas.microsoft.com/office/drawing/2014/main" id="{48290388-CC6A-3E27-1840-9A85F1F2589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07113" y="1784350"/>
            <a:ext cx="2867025" cy="2149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1747" name="スライド番号プレースホルダー 1">
            <a:extLst>
              <a:ext uri="{FF2B5EF4-FFF2-40B4-BE49-F238E27FC236}">
                <a16:creationId xmlns:a16="http://schemas.microsoft.com/office/drawing/2014/main" id="{D45480F7-3279-B1F7-E4DF-4F2413492601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en-US" altLang="ja-JP" sz="1200">
                <a:solidFill>
                  <a:srgbClr val="898989"/>
                </a:solidFill>
                <a:latin typeface="Arial" panose="020B0604020202020204" pitchFamily="34" charset="0"/>
              </a:rPr>
              <a:t>-</a:t>
            </a:r>
            <a:fld id="{C62CA44C-5B0F-4A78-BB21-0397DCB03ADE}" type="slidenum">
              <a:rPr lang="ja-JP" altLang="en-US" sz="1200" smtClean="0">
                <a:solidFill>
                  <a:srgbClr val="898989"/>
                </a:solidFill>
                <a:latin typeface="Arial" panose="020B0604020202020204" pitchFamily="34" charset="0"/>
              </a:rPr>
              <a:pPr>
                <a:spcBef>
                  <a:spcPct val="0"/>
                </a:spcBef>
                <a:buFontTx/>
                <a:buNone/>
              </a:pPr>
              <a:t>45</a:t>
            </a:fld>
            <a:r>
              <a:rPr lang="en-US" altLang="ja-JP" sz="1200">
                <a:solidFill>
                  <a:srgbClr val="898989"/>
                </a:solidFill>
                <a:latin typeface="Arial" panose="020B0604020202020204" pitchFamily="34" charset="0"/>
              </a:rPr>
              <a:t>-</a:t>
            </a:r>
            <a:endParaRPr lang="ja-JP" altLang="en-US" sz="12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  <p:sp>
        <p:nvSpPr>
          <p:cNvPr id="31748" name="Rectangle 17">
            <a:extLst>
              <a:ext uri="{FF2B5EF4-FFF2-40B4-BE49-F238E27FC236}">
                <a16:creationId xmlns:a16="http://schemas.microsoft.com/office/drawing/2014/main" id="{124D93B3-A9D3-E371-88E6-E3381DDEF877}"/>
              </a:ext>
            </a:extLst>
          </p:cNvPr>
          <p:cNvSpPr>
            <a:spLocks noChangeArrowheads="1"/>
          </p:cNvSpPr>
          <p:nvPr/>
        </p:nvSpPr>
        <p:spPr bwMode="auto">
          <a:xfrm>
            <a:off x="222250" y="879475"/>
            <a:ext cx="5868988" cy="1212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buFont typeface="Wingdings" panose="05000000000000000000" pitchFamily="2" charset="2"/>
              <a:buChar char="Ø"/>
            </a:pPr>
            <a:r>
              <a:rPr lang="ja-JP" altLang="en-US" sz="1800" b="1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経年劣化により支承が腐食</a:t>
            </a:r>
            <a:endParaRPr lang="en-US" altLang="ja-JP" sz="1800" b="1">
              <a:solidFill>
                <a:srgbClr val="323232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buFont typeface="Wingdings" panose="05000000000000000000" pitchFamily="2" charset="2"/>
              <a:buChar char="Ø"/>
            </a:pPr>
            <a:r>
              <a:rPr lang="ja-JP" altLang="en-US" sz="1800" b="1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取付ボルトが破断し、ローラーが逸脱桁が傾き、伸縮部で段差が発生</a:t>
            </a:r>
            <a:endParaRPr lang="en-US" altLang="ja-JP" sz="1800" b="1">
              <a:solidFill>
                <a:srgbClr val="323232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4" name="Rectangle 8">
            <a:extLst>
              <a:ext uri="{FF2B5EF4-FFF2-40B4-BE49-F238E27FC236}">
                <a16:creationId xmlns:a16="http://schemas.microsoft.com/office/drawing/2014/main" id="{5EA022A7-9B7F-6343-9E49-B4AA854DFC10}"/>
              </a:ext>
            </a:extLst>
          </p:cNvPr>
          <p:cNvSpPr>
            <a:spLocks noChangeArrowheads="1"/>
          </p:cNvSpPr>
          <p:nvPr/>
        </p:nvSpPr>
        <p:spPr bwMode="auto">
          <a:xfrm>
            <a:off x="596900" y="204788"/>
            <a:ext cx="7921625" cy="431800"/>
          </a:xfrm>
          <a:prstGeom prst="rect">
            <a:avLst/>
          </a:prstGeom>
          <a:noFill/>
          <a:ln>
            <a:noFill/>
          </a:ln>
        </p:spPr>
        <p:txBody>
          <a:bodyPr lIns="91411" tIns="45705" rIns="91411" bIns="45705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>
              <a:defRPr/>
            </a:pPr>
            <a:r>
              <a:rPr lang="ja-JP" altLang="en-US" dirty="0">
                <a:solidFill>
                  <a:schemeClr val="tx2">
                    <a:lumMod val="60000"/>
                    <a:lumOff val="40000"/>
                  </a:schemeClr>
                </a:solidFill>
                <a:ea typeface="HGPｺﾞｼｯｸE" pitchFamily="50" charset="-128"/>
              </a:rPr>
              <a:t>支承の損傷</a:t>
            </a:r>
          </a:p>
        </p:txBody>
      </p:sp>
      <p:pic>
        <p:nvPicPr>
          <p:cNvPr id="31750" name="Picture 2" descr="\\toyama-city.local\17建設部\1708建設政策\s1\_定数外\_課共有２（移行）\01_画像等\03,計画係\橋梁\瓶岩橋\20151113\IMG_1074.JPG">
            <a:extLst>
              <a:ext uri="{FF2B5EF4-FFF2-40B4-BE49-F238E27FC236}">
                <a16:creationId xmlns:a16="http://schemas.microsoft.com/office/drawing/2014/main" id="{5C4060FB-233D-4ECC-8F4D-A66A913F790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1105"/>
          <a:stretch>
            <a:fillRect/>
          </a:stretch>
        </p:blipFill>
        <p:spPr bwMode="auto">
          <a:xfrm>
            <a:off x="3206750" y="4883150"/>
            <a:ext cx="2700338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751" name="Picture 7" descr="\\toyama-city.local\17建設部\1708建設政策\s1\_定数外\_課共有２（移行）\01_画像等\03,計画係\橋梁\瓶岩橋\20151013\IMG_8469.JPG">
            <a:extLst>
              <a:ext uri="{FF2B5EF4-FFF2-40B4-BE49-F238E27FC236}">
                <a16:creationId xmlns:a16="http://schemas.microsoft.com/office/drawing/2014/main" id="{E37486C0-C1E4-43E6-E02E-505B3CB3369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8125" y="4852988"/>
            <a:ext cx="2700338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752" name="Picture 9" descr="\\toyama-city.local\17建設部\1708建設政策\s1\_定数外\_課共有２（移行）\01_画像等\03,計画係\橋梁\瓶岩橋\20151015\IMG_0825.JPG">
            <a:extLst>
              <a:ext uri="{FF2B5EF4-FFF2-40B4-BE49-F238E27FC236}">
                <a16:creationId xmlns:a16="http://schemas.microsoft.com/office/drawing/2014/main" id="{1B8450A5-F6F2-FC4B-DFA4-ACF2BA267E4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337" b="6770"/>
          <a:stretch>
            <a:fillRect/>
          </a:stretch>
        </p:blipFill>
        <p:spPr bwMode="auto">
          <a:xfrm>
            <a:off x="339725" y="1914525"/>
            <a:ext cx="3224213" cy="2149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753" name="図 16" descr="\\toyama-city.local\17建設部\1708建設政策\s2\課共有２\01_画像等\03,計画係\橋梁\瓶岩橋\20151013\A2\IMG_0758.JPG">
            <a:extLst>
              <a:ext uri="{FF2B5EF4-FFF2-40B4-BE49-F238E27FC236}">
                <a16:creationId xmlns:a16="http://schemas.microsoft.com/office/drawing/2014/main" id="{7A0E7B09-6EB6-C4BF-A1F6-A117064CC09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5" t="723" r="18" b="14"/>
          <a:stretch>
            <a:fillRect/>
          </a:stretch>
        </p:blipFill>
        <p:spPr bwMode="auto">
          <a:xfrm>
            <a:off x="3890963" y="1784350"/>
            <a:ext cx="1735137" cy="2308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1754" name="Rectangle 8">
            <a:extLst>
              <a:ext uri="{FF2B5EF4-FFF2-40B4-BE49-F238E27FC236}">
                <a16:creationId xmlns:a16="http://schemas.microsoft.com/office/drawing/2014/main" id="{7288AFA4-0060-6BB8-008E-C00D93EB526B}"/>
              </a:ext>
            </a:extLst>
          </p:cNvPr>
          <p:cNvSpPr>
            <a:spLocks noChangeArrowheads="1"/>
          </p:cNvSpPr>
          <p:nvPr/>
        </p:nvSpPr>
        <p:spPr bwMode="auto">
          <a:xfrm>
            <a:off x="319088" y="4076700"/>
            <a:ext cx="2700337" cy="647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000">
                <a:solidFill>
                  <a:srgbClr val="00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下流側の支承でも腐食が進展</a:t>
            </a:r>
            <a:endParaRPr lang="en-US" altLang="ja-JP" sz="2000">
              <a:solidFill>
                <a:srgbClr val="00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pic>
        <p:nvPicPr>
          <p:cNvPr id="31755" name="Picture 11" descr="\\toyama-city.local\17建設部\1708建設政策\s1\_定数外\_課共有２（移行）\01_画像等\03,計画係\橋梁\瓶岩橋\20151015\IMG_0823.JPG">
            <a:extLst>
              <a:ext uri="{FF2B5EF4-FFF2-40B4-BE49-F238E27FC236}">
                <a16:creationId xmlns:a16="http://schemas.microsoft.com/office/drawing/2014/main" id="{4CDE52A5-D8BE-41CF-4DD4-47F78CB17F3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1105"/>
          <a:stretch>
            <a:fillRect/>
          </a:stretch>
        </p:blipFill>
        <p:spPr bwMode="auto">
          <a:xfrm>
            <a:off x="6138863" y="4868863"/>
            <a:ext cx="2698750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/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330" name="スライド番号プレースホルダー 3">
            <a:extLst>
              <a:ext uri="{FF2B5EF4-FFF2-40B4-BE49-F238E27FC236}">
                <a16:creationId xmlns:a16="http://schemas.microsoft.com/office/drawing/2014/main" id="{42524CFC-2502-6425-3424-F552648CCBF7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xfrm>
            <a:off x="3757613" y="5075636"/>
            <a:ext cx="1628775" cy="205978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lnSpc>
                <a:spcPct val="90000"/>
              </a:lnSpc>
              <a:spcBef>
                <a:spcPts val="563"/>
              </a:spcBef>
              <a:buFont typeface="Wingdings 2" panose="05020102010507070707" pitchFamily="18" charset="2"/>
              <a:buChar char=""/>
              <a:defRPr kumimoji="1" sz="1575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417910" indent="-160735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642938" indent="-128588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1125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900113" indent="-128588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1157288" indent="-128588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1500188" indent="-128588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1843088" indent="-128588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2185988" indent="-128588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2528888" indent="-128588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lnSpc>
                <a:spcPct val="100000"/>
              </a:lnSpc>
              <a:spcBef>
                <a:spcPct val="0"/>
              </a:spcBef>
              <a:buFontTx/>
              <a:buNone/>
            </a:pPr>
            <a:fld id="{D6424B7D-B1C7-47FE-BE6D-BAC43FFB817E}" type="slidenum">
              <a:rPr lang="ja-JP" altLang="en-US" sz="675">
                <a:solidFill>
                  <a:srgbClr val="898989"/>
                </a:solidFill>
                <a:latin typeface="Arial" panose="020B0604020202020204" pitchFamily="34" charset="0"/>
              </a:rPr>
              <a:pPr algn="ctr"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46</a:t>
            </a:fld>
            <a:endParaRPr lang="ja-JP" altLang="en-US" sz="675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  <p:sp>
        <p:nvSpPr>
          <p:cNvPr id="99331" name="Rectangle 8">
            <a:extLst>
              <a:ext uri="{FF2B5EF4-FFF2-40B4-BE49-F238E27FC236}">
                <a16:creationId xmlns:a16="http://schemas.microsoft.com/office/drawing/2014/main" id="{1D8A57E5-DD49-242B-2CBA-B6BEE0843EFA}"/>
              </a:ext>
            </a:extLst>
          </p:cNvPr>
          <p:cNvSpPr>
            <a:spLocks noChangeArrowheads="1"/>
          </p:cNvSpPr>
          <p:nvPr/>
        </p:nvSpPr>
        <p:spPr bwMode="auto">
          <a:xfrm>
            <a:off x="838200" y="1089421"/>
            <a:ext cx="4941094" cy="242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51419" tIns="25709" rIns="51419" bIns="25709" anchor="ctr"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endParaRPr lang="en-US" altLang="ja-JP" sz="2025" dirty="0">
              <a:solidFill>
                <a:srgbClr val="000000"/>
              </a:solidFill>
              <a:latin typeface="Arial" panose="020B0604020202020204" pitchFamily="34" charset="0"/>
              <a:ea typeface="HGPｺﾞｼｯｸE" panose="020B0900000000000000" pitchFamily="50" charset="-128"/>
            </a:endParaRPr>
          </a:p>
          <a:p>
            <a:pPr eaLnBrk="1" hangingPunct="1"/>
            <a:r>
              <a:rPr lang="ja-JP" altLang="en-US" sz="2025" dirty="0">
                <a:solidFill>
                  <a:srgbClr val="000000"/>
                </a:solidFill>
                <a:latin typeface="Arial" panose="020B0604020202020204" pitchFamily="34" charset="0"/>
                <a:ea typeface="HGPｺﾞｼｯｸE" panose="020B0900000000000000" pitchFamily="50" charset="-128"/>
              </a:rPr>
              <a:t>人財こそ！最重要職員教育　</a:t>
            </a:r>
            <a:endParaRPr lang="en-US" altLang="ja-JP" sz="2025" dirty="0">
              <a:solidFill>
                <a:srgbClr val="000000"/>
              </a:solidFill>
              <a:latin typeface="Arial" panose="020B0604020202020204" pitchFamily="34" charset="0"/>
              <a:ea typeface="HGPｺﾞｼｯｸE" panose="020B0900000000000000" pitchFamily="50" charset="-128"/>
            </a:endParaRPr>
          </a:p>
          <a:p>
            <a:pPr eaLnBrk="1" hangingPunct="1"/>
            <a:r>
              <a:rPr lang="ja-JP" altLang="en-US" sz="2025" dirty="0">
                <a:solidFill>
                  <a:srgbClr val="000000"/>
                </a:solidFill>
                <a:latin typeface="Arial" panose="020B0604020202020204" pitchFamily="34" charset="0"/>
                <a:ea typeface="HGPｺﾞｼｯｸE" panose="020B0900000000000000" pitchFamily="50" charset="-128"/>
              </a:rPr>
              <a:t>「植野塾」</a:t>
            </a:r>
            <a:endParaRPr lang="en-US" altLang="ja-JP" sz="2025" dirty="0">
              <a:solidFill>
                <a:srgbClr val="000000"/>
              </a:solidFill>
              <a:latin typeface="Arial" panose="020B0604020202020204" pitchFamily="34" charset="0"/>
              <a:ea typeface="HGPｺﾞｼｯｸE" panose="020B0900000000000000" pitchFamily="50" charset="-128"/>
            </a:endParaRPr>
          </a:p>
          <a:p>
            <a:pPr eaLnBrk="1" hangingPunct="1"/>
            <a:endParaRPr lang="ja-JP" altLang="en-US" sz="1575" dirty="0">
              <a:solidFill>
                <a:srgbClr val="000000"/>
              </a:solidFill>
              <a:latin typeface="Arial" panose="020B0604020202020204" pitchFamily="34" charset="0"/>
              <a:ea typeface="HGPｺﾞｼｯｸE" panose="020B0900000000000000" pitchFamily="50" charset="-128"/>
            </a:endParaRPr>
          </a:p>
        </p:txBody>
      </p:sp>
      <p:pic>
        <p:nvPicPr>
          <p:cNvPr id="99332" name="Picture 3" descr="\\toyama-city.local\17建設部\1730橋りょう保全\s1\橋りょう室共通\77ppt\橋りょうppt\ネタ写真等\計画係\植野塾写真\CIMG1498.JPG">
            <a:extLst>
              <a:ext uri="{FF2B5EF4-FFF2-40B4-BE49-F238E27FC236}">
                <a16:creationId xmlns:a16="http://schemas.microsoft.com/office/drawing/2014/main" id="{AFD2DA12-0707-7211-FEAA-3FA5EDDB501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06141" y="4196954"/>
            <a:ext cx="2251472" cy="16085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9333" name="Picture 4" descr="\\toyama-city.local\17建設部\1730橋りょう保全\s1\橋りょう室共通\05写真\05その他\八田橋現場視察\20170801　AM　富山市どぼじょ\RIMG6968.JPG">
            <a:extLst>
              <a:ext uri="{FF2B5EF4-FFF2-40B4-BE49-F238E27FC236}">
                <a16:creationId xmlns:a16="http://schemas.microsoft.com/office/drawing/2014/main" id="{35AAE8C1-801A-908E-875C-DD8D21F97EC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06141" y="2588419"/>
            <a:ext cx="2253854" cy="16085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198" name="Rectangle 17">
            <a:extLst>
              <a:ext uri="{FF2B5EF4-FFF2-40B4-BE49-F238E27FC236}">
                <a16:creationId xmlns:a16="http://schemas.microsoft.com/office/drawing/2014/main" id="{28A78296-D690-CC50-2E64-B86074623B29}"/>
              </a:ext>
            </a:extLst>
          </p:cNvPr>
          <p:cNvSpPr>
            <a:spLocks noChangeArrowheads="1"/>
          </p:cNvSpPr>
          <p:nvPr/>
        </p:nvSpPr>
        <p:spPr bwMode="auto">
          <a:xfrm>
            <a:off x="937022" y="1576387"/>
            <a:ext cx="3982641" cy="349685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lnSpc>
                <a:spcPct val="80000"/>
              </a:lnSpc>
              <a:buFont typeface="Wingdings" panose="05000000000000000000" pitchFamily="2" charset="2"/>
              <a:buChar char="Ø"/>
              <a:defRPr/>
            </a:pPr>
            <a:r>
              <a:rPr lang="ja-JP" altLang="en-US" sz="1800" b="1" dirty="0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月</a:t>
            </a:r>
            <a:r>
              <a:rPr lang="en-US" altLang="ja-JP" sz="1800" b="1" dirty="0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</a:t>
            </a:r>
            <a:r>
              <a:rPr lang="ja-JP" altLang="en-US" sz="1800" b="1" dirty="0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回開催（</a:t>
            </a:r>
            <a:r>
              <a:rPr lang="en-US" altLang="ja-JP" sz="1800" b="1" dirty="0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60</a:t>
            </a:r>
            <a:r>
              <a:rPr lang="ja-JP" altLang="en-US" sz="1800" b="1" dirty="0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回以上）</a:t>
            </a:r>
            <a:endParaRPr lang="en-US" altLang="ja-JP" sz="1013" b="1" dirty="0">
              <a:solidFill>
                <a:srgbClr val="323232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80000"/>
              </a:lnSpc>
              <a:buFont typeface="Wingdings" panose="05000000000000000000" pitchFamily="2" charset="2"/>
              <a:buChar char="Ø"/>
              <a:defRPr/>
            </a:pPr>
            <a:r>
              <a:rPr lang="ja-JP" altLang="en-US" sz="1800" b="1" dirty="0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考える力、マネジメント能力を</a:t>
            </a:r>
            <a:endParaRPr lang="en-US" altLang="ja-JP" sz="1800" b="1" dirty="0">
              <a:solidFill>
                <a:srgbClr val="323232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80000"/>
              </a:lnSpc>
              <a:buFont typeface="Wingdings" panose="05000000000000000000" pitchFamily="2" charset="2"/>
              <a:buChar char="Ø"/>
              <a:defRPr/>
            </a:pPr>
            <a:r>
              <a:rPr lang="ja-JP" altLang="en-US" sz="1800" b="1" dirty="0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現在は、沖縄と関東</a:t>
            </a:r>
            <a:r>
              <a:rPr lang="en-US" altLang="ja-JP" sz="1800" b="1" dirty="0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MC</a:t>
            </a:r>
            <a:r>
              <a:rPr lang="ja-JP" altLang="en-US" sz="1800" b="1" dirty="0">
                <a:solidFill>
                  <a:srgbClr val="323232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で実施</a:t>
            </a:r>
            <a:endParaRPr lang="en-US" altLang="ja-JP" sz="1800" b="1" dirty="0">
              <a:solidFill>
                <a:srgbClr val="323232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pic>
        <p:nvPicPr>
          <p:cNvPr id="99335" name="Picture 2">
            <a:extLst>
              <a:ext uri="{FF2B5EF4-FFF2-40B4-BE49-F238E27FC236}">
                <a16:creationId xmlns:a16="http://schemas.microsoft.com/office/drawing/2014/main" id="{6EF8535D-18DB-E445-4E1C-F873FB15E0A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19662" y="1119425"/>
            <a:ext cx="3348038" cy="47422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スライド番号プレースホルダー 2">
            <a:extLst>
              <a:ext uri="{FF2B5EF4-FFF2-40B4-BE49-F238E27FC236}">
                <a16:creationId xmlns:a16="http://schemas.microsoft.com/office/drawing/2014/main" id="{73433ECA-4C90-4C51-AB20-10166BF097E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50E13FB-DCAF-430E-9FD5-74CCF70954EF}" type="slidenum">
              <a:rPr lang="en-US" altLang="ja-JP" smtClean="0">
                <a:solidFill>
                  <a:srgbClr val="000000"/>
                </a:solidFill>
              </a:rPr>
              <a:pPr/>
              <a:t>47</a:t>
            </a:fld>
            <a:endParaRPr lang="en-US" altLang="ja-JP">
              <a:solidFill>
                <a:srgbClr val="000000"/>
              </a:solidFill>
            </a:endParaRPr>
          </a:p>
        </p:txBody>
      </p:sp>
      <p:pic>
        <p:nvPicPr>
          <p:cNvPr id="4" name="図 3">
            <a:extLst>
              <a:ext uri="{FF2B5EF4-FFF2-40B4-BE49-F238E27FC236}">
                <a16:creationId xmlns:a16="http://schemas.microsoft.com/office/drawing/2014/main" id="{5B0C6849-5B36-42B0-97FB-3E6EFF903F3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0222" y="390213"/>
            <a:ext cx="3470479" cy="5161581"/>
          </a:xfrm>
          <a:prstGeom prst="rect">
            <a:avLst/>
          </a:prstGeom>
        </p:spPr>
      </p:pic>
      <p:pic>
        <p:nvPicPr>
          <p:cNvPr id="5" name="図 4">
            <a:extLst>
              <a:ext uri="{FF2B5EF4-FFF2-40B4-BE49-F238E27FC236}">
                <a16:creationId xmlns:a16="http://schemas.microsoft.com/office/drawing/2014/main" id="{DD843AF8-7D8B-44A4-B3F9-A4CCF121F75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041461" y="3014101"/>
            <a:ext cx="6279070" cy="3789924"/>
          </a:xfrm>
          <a:prstGeom prst="rect">
            <a:avLst/>
          </a:prstGeom>
        </p:spPr>
      </p:pic>
      <p:sp>
        <p:nvSpPr>
          <p:cNvPr id="6" name="テキスト ボックス 5">
            <a:extLst>
              <a:ext uri="{FF2B5EF4-FFF2-40B4-BE49-F238E27FC236}">
                <a16:creationId xmlns:a16="http://schemas.microsoft.com/office/drawing/2014/main" id="{7E51BE49-DD3D-46B5-A703-EFBE0B0F6E17}"/>
              </a:ext>
            </a:extLst>
          </p:cNvPr>
          <p:cNvSpPr txBox="1"/>
          <p:nvPr/>
        </p:nvSpPr>
        <p:spPr>
          <a:xfrm>
            <a:off x="3470479" y="275154"/>
            <a:ext cx="5633299" cy="280076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8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まずは、戦略</a:t>
            </a:r>
            <a:r>
              <a:rPr lang="ja-JP" altLang="en-US" sz="2800" dirty="0"/>
              <a:t>を示す。</a:t>
            </a:r>
            <a:endParaRPr lang="en-US" altLang="ja-JP" sz="2800" dirty="0"/>
          </a:p>
          <a:p>
            <a:r>
              <a:rPr lang="ja-JP" altLang="en-US" sz="2000" dirty="0"/>
              <a:t>「富山市橋梁マネジメント基本計画」の策定</a:t>
            </a:r>
            <a:endParaRPr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「修繕計画」「トンネル」「道路付属物」　等</a:t>
            </a:r>
            <a:endParaRPr lang="en-US" altLang="ja-JP" sz="2000" dirty="0"/>
          </a:p>
          <a:p>
            <a:r>
              <a:rPr lang="ja-JP" altLang="en-US" sz="2000" dirty="0"/>
              <a:t>「耐震設計計画」なども策定</a:t>
            </a:r>
            <a:endParaRPr lang="en-US" altLang="ja-JP" sz="2000" dirty="0"/>
          </a:p>
          <a:p>
            <a:endParaRPr lang="en-US" altLang="ja-JP" sz="2000" dirty="0"/>
          </a:p>
          <a:p>
            <a:r>
              <a:rPr lang="ja-JP" altLang="en-US" sz="28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　　　戦略を示すのがリーダー</a:t>
            </a:r>
            <a:endParaRPr lang="en-US" altLang="ja-JP" sz="28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endParaRPr lang="en-US" altLang="ja-JP" sz="2000" dirty="0"/>
          </a:p>
        </p:txBody>
      </p:sp>
    </p:spTree>
    <p:extLst>
      <p:ext uri="{BB962C8B-B14F-4D97-AF65-F5344CB8AC3E}">
        <p14:creationId xmlns:p14="http://schemas.microsoft.com/office/powerpoint/2010/main" val="2194413261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DAC90885-B8CF-441B-99FE-EE6DE5B0732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5A2C38-BF5A-4117-A3B3-4E986D472ED9}" type="slidenum">
              <a:rPr kumimoji="1" lang="ja-JP" altLang="en-US" smtClean="0"/>
              <a:t>48</a:t>
            </a:fld>
            <a:endParaRPr kumimoji="1" lang="ja-JP" altLang="en-US" dirty="0"/>
          </a:p>
        </p:txBody>
      </p:sp>
      <p:sp>
        <p:nvSpPr>
          <p:cNvPr id="5" name="正方形/長方形 4">
            <a:extLst>
              <a:ext uri="{FF2B5EF4-FFF2-40B4-BE49-F238E27FC236}">
                <a16:creationId xmlns:a16="http://schemas.microsoft.com/office/drawing/2014/main" id="{9AA4D9E8-8487-4CDC-A05D-7729D9158C8D}"/>
              </a:ext>
            </a:extLst>
          </p:cNvPr>
          <p:cNvSpPr/>
          <p:nvPr/>
        </p:nvSpPr>
        <p:spPr>
          <a:xfrm>
            <a:off x="1581401" y="1155301"/>
            <a:ext cx="4350653" cy="1104727"/>
          </a:xfrm>
          <a:prstGeom prst="rect">
            <a:avLst/>
          </a:prstGeom>
          <a:noFill/>
          <a:ln w="3175">
            <a:solidFill>
              <a:srgbClr val="FF33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民間等との連携体制の構築　</a:t>
            </a:r>
            <a:endParaRPr kumimoji="1"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en-US" altLang="ja-JP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PPP/PFI</a:t>
            </a:r>
            <a:r>
              <a:rPr lang="ja-JP" altLang="en-US" sz="2000" dirty="0" err="1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、</a:t>
            </a:r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包括管理　など</a:t>
            </a:r>
            <a:endParaRPr kumimoji="1"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ja-JP" altLang="en-US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新技術の積極導入</a:t>
            </a:r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。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6" name="正方形/長方形 5">
            <a:extLst>
              <a:ext uri="{FF2B5EF4-FFF2-40B4-BE49-F238E27FC236}">
                <a16:creationId xmlns:a16="http://schemas.microsoft.com/office/drawing/2014/main" id="{99634B4E-6086-4C04-9ADD-D8E8043E91CB}"/>
              </a:ext>
            </a:extLst>
          </p:cNvPr>
          <p:cNvSpPr/>
          <p:nvPr/>
        </p:nvSpPr>
        <p:spPr>
          <a:xfrm>
            <a:off x="1609364" y="2695506"/>
            <a:ext cx="4355783" cy="1434620"/>
          </a:xfrm>
          <a:prstGeom prst="rect">
            <a:avLst/>
          </a:prstGeom>
          <a:noFill/>
          <a:ln w="3175">
            <a:solidFill>
              <a:srgbClr val="FF33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セカンドオピニオンの実施。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データベースシステム構築　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en-US" altLang="ja-JP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IOT</a:t>
            </a:r>
            <a:r>
              <a:rPr lang="ja-JP" altLang="en-US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の活用　</a:t>
            </a:r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、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発注方式（新たな発注方法）　</a:t>
            </a:r>
            <a:endParaRPr kumimoji="1" lang="ja-JP" altLang="en-US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7" name="正方形/長方形 6">
            <a:extLst>
              <a:ext uri="{FF2B5EF4-FFF2-40B4-BE49-F238E27FC236}">
                <a16:creationId xmlns:a16="http://schemas.microsoft.com/office/drawing/2014/main" id="{003B8216-142E-48B7-BB47-F87CDF9A6615}"/>
              </a:ext>
            </a:extLst>
          </p:cNvPr>
          <p:cNvSpPr/>
          <p:nvPr/>
        </p:nvSpPr>
        <p:spPr>
          <a:xfrm>
            <a:off x="1535104" y="4635080"/>
            <a:ext cx="4427477" cy="1600033"/>
          </a:xfrm>
          <a:prstGeom prst="rect">
            <a:avLst/>
          </a:prstGeom>
          <a:noFill/>
          <a:ln w="3175">
            <a:solidFill>
              <a:srgbClr val="FF33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橋梁トリアージの実施</a:t>
            </a:r>
            <a:endParaRPr kumimoji="1"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新たな</a:t>
            </a:r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管理区分・方針の設定　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地元優先との決別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en-US" altLang="ja-JP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PPP/PFI</a:t>
            </a:r>
            <a:r>
              <a:rPr lang="ja-JP" altLang="en-US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、包括管理　</a:t>
            </a:r>
            <a:r>
              <a:rPr lang="ja-JP" altLang="en-US" sz="16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（民間資金の活用）</a:t>
            </a:r>
            <a:endParaRPr lang="en-US" altLang="ja-JP" sz="1600" dirty="0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endParaRPr kumimoji="1" lang="ja-JP" altLang="en-US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8" name="正方形/長方形 7">
            <a:extLst>
              <a:ext uri="{FF2B5EF4-FFF2-40B4-BE49-F238E27FC236}">
                <a16:creationId xmlns:a16="http://schemas.microsoft.com/office/drawing/2014/main" id="{E7CB4678-C8BE-47D0-8326-AFBD94056535}"/>
              </a:ext>
            </a:extLst>
          </p:cNvPr>
          <p:cNvSpPr/>
          <p:nvPr/>
        </p:nvSpPr>
        <p:spPr>
          <a:xfrm>
            <a:off x="1188502" y="1192791"/>
            <a:ext cx="382549" cy="107707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/>
              <a:t>施策</a:t>
            </a:r>
          </a:p>
        </p:txBody>
      </p:sp>
      <p:sp>
        <p:nvSpPr>
          <p:cNvPr id="9" name="正方形/長方形 8">
            <a:extLst>
              <a:ext uri="{FF2B5EF4-FFF2-40B4-BE49-F238E27FC236}">
                <a16:creationId xmlns:a16="http://schemas.microsoft.com/office/drawing/2014/main" id="{CE662F6A-C4E3-49E8-8503-375139B0585D}"/>
              </a:ext>
            </a:extLst>
          </p:cNvPr>
          <p:cNvSpPr/>
          <p:nvPr/>
        </p:nvSpPr>
        <p:spPr>
          <a:xfrm>
            <a:off x="1197609" y="2704295"/>
            <a:ext cx="411755" cy="145872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/>
              <a:t>施策</a:t>
            </a:r>
          </a:p>
        </p:txBody>
      </p:sp>
      <p:sp>
        <p:nvSpPr>
          <p:cNvPr id="10" name="正方形/長方形 9">
            <a:extLst>
              <a:ext uri="{FF2B5EF4-FFF2-40B4-BE49-F238E27FC236}">
                <a16:creationId xmlns:a16="http://schemas.microsoft.com/office/drawing/2014/main" id="{74E80CAD-38BF-400B-A687-00C615CCC428}"/>
              </a:ext>
            </a:extLst>
          </p:cNvPr>
          <p:cNvSpPr/>
          <p:nvPr/>
        </p:nvSpPr>
        <p:spPr>
          <a:xfrm>
            <a:off x="1234577" y="4604570"/>
            <a:ext cx="297025" cy="162798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/>
              <a:t>施策</a:t>
            </a:r>
          </a:p>
        </p:txBody>
      </p:sp>
      <p:sp>
        <p:nvSpPr>
          <p:cNvPr id="11" name="四角形: 角を丸くする 10">
            <a:extLst>
              <a:ext uri="{FF2B5EF4-FFF2-40B4-BE49-F238E27FC236}">
                <a16:creationId xmlns:a16="http://schemas.microsoft.com/office/drawing/2014/main" id="{B9A9D51F-791D-42CE-BCEF-78851B3C4978}"/>
              </a:ext>
            </a:extLst>
          </p:cNvPr>
          <p:cNvSpPr/>
          <p:nvPr/>
        </p:nvSpPr>
        <p:spPr>
          <a:xfrm>
            <a:off x="6037638" y="1154530"/>
            <a:ext cx="2926850" cy="1153595"/>
          </a:xfrm>
          <a:prstGeom prst="round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民間活力の導入</a:t>
            </a:r>
            <a:endParaRPr kumimoji="1" lang="en-US" altLang="ja-JP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algn="ctr"/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（民間の資金活用）</a:t>
            </a:r>
            <a:endParaRPr kumimoji="1" lang="ja-JP" altLang="en-US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12" name="四角形: 角を丸くする 11">
            <a:extLst>
              <a:ext uri="{FF2B5EF4-FFF2-40B4-BE49-F238E27FC236}">
                <a16:creationId xmlns:a16="http://schemas.microsoft.com/office/drawing/2014/main" id="{53412A54-4A94-4E57-96C1-2D0B985ACF7F}"/>
              </a:ext>
            </a:extLst>
          </p:cNvPr>
          <p:cNvSpPr/>
          <p:nvPr/>
        </p:nvSpPr>
        <p:spPr>
          <a:xfrm>
            <a:off x="6037638" y="2686195"/>
            <a:ext cx="3024336" cy="1434620"/>
          </a:xfrm>
          <a:prstGeom prst="round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en-US" altLang="ja-JP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algn="ctr"/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新技術</a:t>
            </a:r>
            <a:r>
              <a:rPr lang="en-US" altLang="ja-JP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,IOT</a:t>
            </a:r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の導入</a:t>
            </a:r>
            <a:endParaRPr lang="en-US" altLang="ja-JP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algn="ctr"/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生産性の向上</a:t>
            </a:r>
            <a:endParaRPr kumimoji="1" lang="ja-JP" altLang="en-US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13" name="四角形: 角を丸くする 12">
            <a:extLst>
              <a:ext uri="{FF2B5EF4-FFF2-40B4-BE49-F238E27FC236}">
                <a16:creationId xmlns:a16="http://schemas.microsoft.com/office/drawing/2014/main" id="{888EEC84-6764-47E9-A17B-23D21DB35D36}"/>
              </a:ext>
            </a:extLst>
          </p:cNvPr>
          <p:cNvSpPr/>
          <p:nvPr/>
        </p:nvSpPr>
        <p:spPr>
          <a:xfrm>
            <a:off x="5966487" y="4604569"/>
            <a:ext cx="2857611" cy="1638811"/>
          </a:xfrm>
          <a:prstGeom prst="round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新たなしくみ</a:t>
            </a:r>
            <a:endParaRPr kumimoji="1" lang="en-US" altLang="ja-JP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algn="ctr"/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新たな考え方</a:t>
            </a:r>
            <a:endParaRPr kumimoji="1" lang="ja-JP" altLang="en-US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C9CC6C6A-82A2-4F0E-B0AA-37EF3F9B4687}"/>
              </a:ext>
            </a:extLst>
          </p:cNvPr>
          <p:cNvSpPr txBox="1"/>
          <p:nvPr/>
        </p:nvSpPr>
        <p:spPr>
          <a:xfrm>
            <a:off x="1234577" y="728378"/>
            <a:ext cx="2765501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000" b="1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限られた資源に対応　</a:t>
            </a:r>
          </a:p>
        </p:txBody>
      </p:sp>
      <p:sp>
        <p:nvSpPr>
          <p:cNvPr id="14" name="テキスト ボックス 13">
            <a:extLst>
              <a:ext uri="{FF2B5EF4-FFF2-40B4-BE49-F238E27FC236}">
                <a16:creationId xmlns:a16="http://schemas.microsoft.com/office/drawing/2014/main" id="{41BC6583-3E47-430A-9BC0-C90B9C035020}"/>
              </a:ext>
            </a:extLst>
          </p:cNvPr>
          <p:cNvSpPr txBox="1"/>
          <p:nvPr/>
        </p:nvSpPr>
        <p:spPr>
          <a:xfrm>
            <a:off x="377052" y="1411717"/>
            <a:ext cx="634783" cy="4708981"/>
          </a:xfrm>
          <a:prstGeom prst="rect">
            <a:avLst/>
          </a:prstGeom>
          <a:solidFill>
            <a:schemeClr val="accent4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富山市橋梁マネジ</a:t>
            </a:r>
            <a:endParaRPr kumimoji="1"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メ</a:t>
            </a:r>
            <a:endParaRPr kumimoji="1"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ン</a:t>
            </a:r>
            <a:endParaRPr kumimoji="1"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ト</a:t>
            </a:r>
            <a:endParaRPr kumimoji="1"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基本計画</a:t>
            </a:r>
          </a:p>
        </p:txBody>
      </p:sp>
      <p:sp>
        <p:nvSpPr>
          <p:cNvPr id="15" name="テキスト ボックス 14">
            <a:extLst>
              <a:ext uri="{FF2B5EF4-FFF2-40B4-BE49-F238E27FC236}">
                <a16:creationId xmlns:a16="http://schemas.microsoft.com/office/drawing/2014/main" id="{AC70EDB5-6D79-4859-9BE9-3D8EF8C69ACD}"/>
              </a:ext>
            </a:extLst>
          </p:cNvPr>
          <p:cNvSpPr txBox="1"/>
          <p:nvPr/>
        </p:nvSpPr>
        <p:spPr>
          <a:xfrm>
            <a:off x="1188502" y="4256624"/>
            <a:ext cx="5962520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kumimoji="1" lang="ja-JP" altLang="en-US" sz="1800" b="1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選択と集中、新たな仕組み　</a:t>
            </a:r>
          </a:p>
        </p:txBody>
      </p:sp>
      <p:sp>
        <p:nvSpPr>
          <p:cNvPr id="17" name="テキスト ボックス 16">
            <a:extLst>
              <a:ext uri="{FF2B5EF4-FFF2-40B4-BE49-F238E27FC236}">
                <a16:creationId xmlns:a16="http://schemas.microsoft.com/office/drawing/2014/main" id="{D31A6FC2-3553-45C8-8533-7975015A884A}"/>
              </a:ext>
            </a:extLst>
          </p:cNvPr>
          <p:cNvSpPr txBox="1"/>
          <p:nvPr/>
        </p:nvSpPr>
        <p:spPr>
          <a:xfrm>
            <a:off x="1164913" y="2269867"/>
            <a:ext cx="6193003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kumimoji="1" lang="ja-JP" altLang="en-US" sz="1800" b="1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業務の効率化・高度化を推進　</a:t>
            </a:r>
          </a:p>
        </p:txBody>
      </p:sp>
      <p:sp>
        <p:nvSpPr>
          <p:cNvPr id="18" name="テキスト ボックス 17">
            <a:extLst>
              <a:ext uri="{FF2B5EF4-FFF2-40B4-BE49-F238E27FC236}">
                <a16:creationId xmlns:a16="http://schemas.microsoft.com/office/drawing/2014/main" id="{DD051744-37FD-4115-95D8-73A7F26E957D}"/>
              </a:ext>
            </a:extLst>
          </p:cNvPr>
          <p:cNvSpPr txBox="1"/>
          <p:nvPr/>
        </p:nvSpPr>
        <p:spPr>
          <a:xfrm>
            <a:off x="472135" y="6344756"/>
            <a:ext cx="6942926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800" dirty="0">
                <a:solidFill>
                  <a:srgbClr val="FF0000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マネジメントこそが解決思考（</a:t>
            </a:r>
            <a:r>
              <a:rPr lang="en-US" altLang="ja-JP" sz="2800" dirty="0">
                <a:solidFill>
                  <a:srgbClr val="FF0000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H27</a:t>
            </a:r>
            <a:r>
              <a:rPr lang="ja-JP" altLang="en-US" sz="2800" dirty="0">
                <a:solidFill>
                  <a:srgbClr val="FF0000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年に策定）</a:t>
            </a:r>
            <a:endParaRPr kumimoji="1" lang="ja-JP" altLang="en-US" sz="2800" dirty="0">
              <a:solidFill>
                <a:srgbClr val="FF0000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3AD6E21D-6B47-4B4B-96FE-6B10C3DBB7C3}"/>
              </a:ext>
            </a:extLst>
          </p:cNvPr>
          <p:cNvSpPr txBox="1"/>
          <p:nvPr/>
        </p:nvSpPr>
        <p:spPr>
          <a:xfrm>
            <a:off x="15377" y="68684"/>
            <a:ext cx="9105378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8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「長寿命化」と言っているようでは、問題を理解できていない</a:t>
            </a:r>
          </a:p>
        </p:txBody>
      </p:sp>
    </p:spTree>
    <p:extLst>
      <p:ext uri="{BB962C8B-B14F-4D97-AF65-F5344CB8AC3E}">
        <p14:creationId xmlns:p14="http://schemas.microsoft.com/office/powerpoint/2010/main" val="702464498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フリーフォーム 58">
            <a:extLst>
              <a:ext uri="{FF2B5EF4-FFF2-40B4-BE49-F238E27FC236}">
                <a16:creationId xmlns:a16="http://schemas.microsoft.com/office/drawing/2014/main" id="{C55FBFB7-3C7E-05AB-1780-893ACF694A65}"/>
              </a:ext>
            </a:extLst>
          </p:cNvPr>
          <p:cNvSpPr>
            <a:spLocks/>
          </p:cNvSpPr>
          <p:nvPr/>
        </p:nvSpPr>
        <p:spPr bwMode="auto">
          <a:xfrm>
            <a:off x="7092950" y="1360488"/>
            <a:ext cx="203200" cy="996950"/>
          </a:xfrm>
          <a:custGeom>
            <a:avLst/>
            <a:gdLst>
              <a:gd name="T0" fmla="*/ 203200 w 203200"/>
              <a:gd name="T1" fmla="*/ 0 h 965200"/>
              <a:gd name="T2" fmla="*/ 203200 w 203200"/>
              <a:gd name="T3" fmla="*/ 8499 h 965200"/>
              <a:gd name="T4" fmla="*/ 0 w 203200"/>
              <a:gd name="T5" fmla="*/ 8779 h 965200"/>
              <a:gd name="T6" fmla="*/ 6350 w 203200"/>
              <a:gd name="T7" fmla="*/ 1334068 h 965200"/>
              <a:gd name="T8" fmla="*/ 190500 w 203200"/>
              <a:gd name="T9" fmla="*/ 1334068 h 965200"/>
              <a:gd name="T10" fmla="*/ 0 60000 65536"/>
              <a:gd name="T11" fmla="*/ 0 60000 65536"/>
              <a:gd name="T12" fmla="*/ 0 60000 65536"/>
              <a:gd name="T13" fmla="*/ 0 60000 65536"/>
              <a:gd name="T14" fmla="*/ 0 60000 65536"/>
              <a:gd name="T15" fmla="*/ 0 w 203200"/>
              <a:gd name="T16" fmla="*/ 0 h 965200"/>
              <a:gd name="T17" fmla="*/ 203200 w 203200"/>
              <a:gd name="T18" fmla="*/ 965200 h 965200"/>
            </a:gdLst>
            <a:ahLst/>
            <a:cxnLst>
              <a:cxn ang="T10">
                <a:pos x="T0" y="T1"/>
              </a:cxn>
              <a:cxn ang="T11">
                <a:pos x="T2" y="T3"/>
              </a:cxn>
              <a:cxn ang="T12">
                <a:pos x="T4" y="T5"/>
              </a:cxn>
              <a:cxn ang="T13">
                <a:pos x="T6" y="T7"/>
              </a:cxn>
              <a:cxn ang="T14">
                <a:pos x="T8" y="T9"/>
              </a:cxn>
            </a:cxnLst>
            <a:rect l="T15" t="T16" r="T17" b="T18"/>
            <a:pathLst>
              <a:path w="203200" h="965200">
                <a:moveTo>
                  <a:pt x="203200" y="0"/>
                </a:moveTo>
                <a:lnTo>
                  <a:pt x="203200" y="6148"/>
                </a:lnTo>
                <a:lnTo>
                  <a:pt x="0" y="6350"/>
                </a:lnTo>
                <a:cubicBezTo>
                  <a:pt x="2117" y="325967"/>
                  <a:pt x="4233" y="645583"/>
                  <a:pt x="6350" y="965200"/>
                </a:cubicBezTo>
                <a:lnTo>
                  <a:pt x="190500" y="965200"/>
                </a:lnTo>
              </a:path>
            </a:pathLst>
          </a:cu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anchor="ctr"/>
          <a:lstStyle/>
          <a:p>
            <a:pPr>
              <a:defRPr/>
            </a:pPr>
            <a:endParaRPr lang="ja-JP" altLang="en-US"/>
          </a:p>
        </p:txBody>
      </p:sp>
      <p:sp>
        <p:nvSpPr>
          <p:cNvPr id="25603" name="Rectangle 2">
            <a:extLst>
              <a:ext uri="{FF2B5EF4-FFF2-40B4-BE49-F238E27FC236}">
                <a16:creationId xmlns:a16="http://schemas.microsoft.com/office/drawing/2014/main" id="{FA5C3DDD-53DA-4D81-9329-BC2C22A6385C}"/>
              </a:ext>
            </a:extLst>
          </p:cNvPr>
          <p:cNvSpPr>
            <a:spLocks noGrp="1" noChangeArrowheads="1"/>
          </p:cNvSpPr>
          <p:nvPr>
            <p:ph type="title" idx="4294967295"/>
          </p:nvPr>
        </p:nvSpPr>
        <p:spPr>
          <a:xfrm>
            <a:off x="0" y="0"/>
            <a:ext cx="9144000" cy="537391"/>
          </a:xfrm>
          <a:solidFill>
            <a:schemeClr val="accent6">
              <a:lumMod val="60000"/>
              <a:lumOff val="40000"/>
            </a:schemeClr>
          </a:solidFill>
          <a:ln w="38100" cap="flat" algn="ctr">
            <a:solidFill>
              <a:schemeClr val="folHlink"/>
            </a:solidFill>
            <a:miter lim="800000"/>
            <a:headEnd/>
            <a:tailEnd/>
          </a:ln>
        </p:spPr>
        <p:txBody>
          <a:bodyPr anchor="t">
            <a:spAutoFit/>
          </a:bodyPr>
          <a:lstStyle/>
          <a:p>
            <a:pPr eaLnBrk="1" hangingPunct="1">
              <a:spcBef>
                <a:spcPct val="50000"/>
              </a:spcBef>
              <a:defRPr/>
            </a:pPr>
            <a:r>
              <a:rPr lang="ja-JP" altLang="en-US" sz="3200" dirty="0"/>
              <a:t>構造物点検　非破壊検査手法の活用</a:t>
            </a:r>
          </a:p>
        </p:txBody>
      </p:sp>
      <p:cxnSp>
        <p:nvCxnSpPr>
          <p:cNvPr id="6148" name="_s197638">
            <a:extLst>
              <a:ext uri="{FF2B5EF4-FFF2-40B4-BE49-F238E27FC236}">
                <a16:creationId xmlns:a16="http://schemas.microsoft.com/office/drawing/2014/main" id="{DF1EE625-BFE9-2000-D3C7-6416059D8572}"/>
              </a:ext>
            </a:extLst>
          </p:cNvPr>
          <p:cNvCxnSpPr>
            <a:cxnSpLocks noChangeShapeType="1"/>
            <a:stCxn id="6173" idx="4"/>
          </p:cNvCxnSpPr>
          <p:nvPr/>
        </p:nvCxnSpPr>
        <p:spPr bwMode="auto">
          <a:xfrm flipV="1">
            <a:off x="3933825" y="1947863"/>
            <a:ext cx="192088" cy="2862262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49" name="_s197639">
            <a:extLst>
              <a:ext uri="{FF2B5EF4-FFF2-40B4-BE49-F238E27FC236}">
                <a16:creationId xmlns:a16="http://schemas.microsoft.com/office/drawing/2014/main" id="{FCE7F3BC-F09E-FD79-9C11-746A6ECFE2B4}"/>
              </a:ext>
            </a:extLst>
          </p:cNvPr>
          <p:cNvCxnSpPr>
            <a:cxnSpLocks noChangeShapeType="1"/>
            <a:stCxn id="6172" idx="2"/>
            <a:endCxn id="6167" idx="3"/>
          </p:cNvCxnSpPr>
          <p:nvPr/>
        </p:nvCxnSpPr>
        <p:spPr bwMode="auto">
          <a:xfrm rot="10800000">
            <a:off x="5989638" y="2474913"/>
            <a:ext cx="185737" cy="928687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0" name="_s197642">
            <a:extLst>
              <a:ext uri="{FF2B5EF4-FFF2-40B4-BE49-F238E27FC236}">
                <a16:creationId xmlns:a16="http://schemas.microsoft.com/office/drawing/2014/main" id="{5ADA5238-EBAE-EBDA-3117-4B8A7158CBAC}"/>
              </a:ext>
            </a:extLst>
          </p:cNvPr>
          <p:cNvCxnSpPr>
            <a:cxnSpLocks noChangeShapeType="1"/>
            <a:stCxn id="6169" idx="2"/>
            <a:endCxn id="6167" idx="3"/>
          </p:cNvCxnSpPr>
          <p:nvPr/>
        </p:nvCxnSpPr>
        <p:spPr bwMode="auto">
          <a:xfrm rot="10800000">
            <a:off x="5989638" y="2474913"/>
            <a:ext cx="185737" cy="571500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1" name="_s197643">
            <a:extLst>
              <a:ext uri="{FF2B5EF4-FFF2-40B4-BE49-F238E27FC236}">
                <a16:creationId xmlns:a16="http://schemas.microsoft.com/office/drawing/2014/main" id="{48EA55B8-42F8-EF4B-2BD8-F99FC7CA213E}"/>
              </a:ext>
            </a:extLst>
          </p:cNvPr>
          <p:cNvCxnSpPr>
            <a:cxnSpLocks noChangeShapeType="1"/>
            <a:stCxn id="6168" idx="2"/>
            <a:endCxn id="6167" idx="3"/>
          </p:cNvCxnSpPr>
          <p:nvPr/>
        </p:nvCxnSpPr>
        <p:spPr bwMode="auto">
          <a:xfrm rot="10800000">
            <a:off x="5989638" y="2474913"/>
            <a:ext cx="185737" cy="215900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2" name="_s197644">
            <a:extLst>
              <a:ext uri="{FF2B5EF4-FFF2-40B4-BE49-F238E27FC236}">
                <a16:creationId xmlns:a16="http://schemas.microsoft.com/office/drawing/2014/main" id="{539AB34B-1F96-B8B1-56C9-EBE7DFB17AF2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5327650" y="1608138"/>
            <a:ext cx="180975" cy="730250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3" name="_s197645">
            <a:extLst>
              <a:ext uri="{FF2B5EF4-FFF2-40B4-BE49-F238E27FC236}">
                <a16:creationId xmlns:a16="http://schemas.microsoft.com/office/drawing/2014/main" id="{732B4416-67DB-D973-1E89-C0173E2714FD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5327650" y="1608138"/>
            <a:ext cx="180975" cy="271462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4" name="_s197646">
            <a:extLst>
              <a:ext uri="{FF2B5EF4-FFF2-40B4-BE49-F238E27FC236}">
                <a16:creationId xmlns:a16="http://schemas.microsoft.com/office/drawing/2014/main" id="{D7B2E0BF-3A73-ED28-2521-2ADEE35A3704}"/>
              </a:ext>
            </a:extLst>
          </p:cNvPr>
          <p:cNvCxnSpPr>
            <a:cxnSpLocks noChangeShapeType="1"/>
            <a:stCxn id="6165" idx="4"/>
          </p:cNvCxnSpPr>
          <p:nvPr/>
        </p:nvCxnSpPr>
        <p:spPr bwMode="auto">
          <a:xfrm flipV="1">
            <a:off x="3933825" y="1930400"/>
            <a:ext cx="192088" cy="2530475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5" name="_s197647">
            <a:extLst>
              <a:ext uri="{FF2B5EF4-FFF2-40B4-BE49-F238E27FC236}">
                <a16:creationId xmlns:a16="http://schemas.microsoft.com/office/drawing/2014/main" id="{747F9E28-0257-7FD3-9C9A-00DFF8D49EC6}"/>
              </a:ext>
            </a:extLst>
          </p:cNvPr>
          <p:cNvCxnSpPr>
            <a:cxnSpLocks noChangeShapeType="1"/>
            <a:stCxn id="6164" idx="4"/>
          </p:cNvCxnSpPr>
          <p:nvPr/>
        </p:nvCxnSpPr>
        <p:spPr bwMode="auto">
          <a:xfrm flipV="1">
            <a:off x="3933825" y="1585913"/>
            <a:ext cx="192088" cy="1189037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6" name="_s197648">
            <a:extLst>
              <a:ext uri="{FF2B5EF4-FFF2-40B4-BE49-F238E27FC236}">
                <a16:creationId xmlns:a16="http://schemas.microsoft.com/office/drawing/2014/main" id="{78A1DF63-503F-48ED-37CF-3B84F7B6CD73}"/>
              </a:ext>
            </a:extLst>
          </p:cNvPr>
          <p:cNvCxnSpPr>
            <a:cxnSpLocks noChangeShapeType="1"/>
            <a:stCxn id="6163" idx="4"/>
          </p:cNvCxnSpPr>
          <p:nvPr/>
        </p:nvCxnSpPr>
        <p:spPr bwMode="auto">
          <a:xfrm flipV="1">
            <a:off x="3922713" y="1603375"/>
            <a:ext cx="203200" cy="790575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7" name="_s197649">
            <a:extLst>
              <a:ext uri="{FF2B5EF4-FFF2-40B4-BE49-F238E27FC236}">
                <a16:creationId xmlns:a16="http://schemas.microsoft.com/office/drawing/2014/main" id="{77E92B1C-7A0D-1711-F42C-A2B7A2212BE0}"/>
              </a:ext>
            </a:extLst>
          </p:cNvPr>
          <p:cNvCxnSpPr>
            <a:cxnSpLocks noChangeShapeType="1"/>
            <a:stCxn id="6162" idx="4"/>
            <a:endCxn id="6203" idx="3"/>
          </p:cNvCxnSpPr>
          <p:nvPr/>
        </p:nvCxnSpPr>
        <p:spPr bwMode="auto">
          <a:xfrm flipV="1">
            <a:off x="3935413" y="1700213"/>
            <a:ext cx="185737" cy="223837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8" name="_s197650">
            <a:extLst>
              <a:ext uri="{FF2B5EF4-FFF2-40B4-BE49-F238E27FC236}">
                <a16:creationId xmlns:a16="http://schemas.microsoft.com/office/drawing/2014/main" id="{67BB9DB6-DF55-34FF-C34D-E214A6F603E3}"/>
              </a:ext>
            </a:extLst>
          </p:cNvPr>
          <p:cNvCxnSpPr>
            <a:cxnSpLocks noChangeShapeType="1"/>
            <a:stCxn id="6161" idx="0"/>
            <a:endCxn id="6160" idx="3"/>
          </p:cNvCxnSpPr>
          <p:nvPr/>
        </p:nvCxnSpPr>
        <p:spPr bwMode="auto">
          <a:xfrm rot="16200000" flipV="1">
            <a:off x="4991100" y="966788"/>
            <a:ext cx="101600" cy="755650"/>
          </a:xfrm>
          <a:prstGeom prst="bentConnector3">
            <a:avLst>
              <a:gd name="adj1" fmla="val 50000"/>
            </a:avLst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59" name="_s197651">
            <a:extLst>
              <a:ext uri="{FF2B5EF4-FFF2-40B4-BE49-F238E27FC236}">
                <a16:creationId xmlns:a16="http://schemas.microsoft.com/office/drawing/2014/main" id="{A884AD95-FD6C-7E0E-C70A-C2A0391C3B58}"/>
              </a:ext>
            </a:extLst>
          </p:cNvPr>
          <p:cNvCxnSpPr>
            <a:cxnSpLocks noChangeShapeType="1"/>
            <a:stCxn id="6203" idx="0"/>
            <a:endCxn id="6160" idx="3"/>
          </p:cNvCxnSpPr>
          <p:nvPr/>
        </p:nvCxnSpPr>
        <p:spPr bwMode="auto">
          <a:xfrm rot="5400000" flipH="1" flipV="1">
            <a:off x="4357688" y="1089025"/>
            <a:ext cx="101600" cy="511175"/>
          </a:xfrm>
          <a:prstGeom prst="bentConnector3">
            <a:avLst>
              <a:gd name="adj1" fmla="val 50000"/>
            </a:avLst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160" name="_s197652">
            <a:extLst>
              <a:ext uri="{FF2B5EF4-FFF2-40B4-BE49-F238E27FC236}">
                <a16:creationId xmlns:a16="http://schemas.microsoft.com/office/drawing/2014/main" id="{88A00E79-9B82-DA5C-FAB6-BDBB8AB432FC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21150" y="981075"/>
            <a:ext cx="1120775" cy="31273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18599" tIns="9301" rIns="18599" bIns="9301" anchor="ctr"/>
          <a:lstStyle/>
          <a:p>
            <a:pPr>
              <a:defRPr/>
            </a:pPr>
            <a:r>
              <a:rPr lang="ja-JP" altLang="en-US" sz="1200" b="1" dirty="0"/>
              <a:t>調査方法</a:t>
            </a:r>
          </a:p>
        </p:txBody>
      </p:sp>
      <p:sp>
        <p:nvSpPr>
          <p:cNvPr id="6161" name="_s197654">
            <a:extLst>
              <a:ext uri="{FF2B5EF4-FFF2-40B4-BE49-F238E27FC236}">
                <a16:creationId xmlns:a16="http://schemas.microsoft.com/office/drawing/2014/main" id="{2DC17BD3-ACD7-78DC-983D-9691E12FAC3B}"/>
              </a:ext>
            </a:extLst>
          </p:cNvPr>
          <p:cNvSpPr>
            <a:spLocks noChangeArrowheads="1"/>
          </p:cNvSpPr>
          <p:nvPr/>
        </p:nvSpPr>
        <p:spPr bwMode="auto">
          <a:xfrm>
            <a:off x="4816475" y="1395413"/>
            <a:ext cx="1173163" cy="3048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18599" tIns="9301" rIns="18599" bIns="9301" anchor="ctr"/>
          <a:lstStyle/>
          <a:p>
            <a:pPr>
              <a:defRPr/>
            </a:pPr>
            <a:r>
              <a:rPr lang="ja-JP" altLang="en-US" sz="1200" b="1" dirty="0"/>
              <a:t>微破壊・破壊法</a:t>
            </a:r>
          </a:p>
        </p:txBody>
      </p:sp>
      <p:sp>
        <p:nvSpPr>
          <p:cNvPr id="6162" name="_s197655">
            <a:extLst>
              <a:ext uri="{FF2B5EF4-FFF2-40B4-BE49-F238E27FC236}">
                <a16:creationId xmlns:a16="http://schemas.microsoft.com/office/drawing/2014/main" id="{38A24890-BA1E-701B-971D-EFFAE4DC673F}"/>
              </a:ext>
            </a:extLst>
          </p:cNvPr>
          <p:cNvSpPr>
            <a:spLocks noChangeArrowheads="1"/>
          </p:cNvSpPr>
          <p:nvPr/>
        </p:nvSpPr>
        <p:spPr bwMode="auto">
          <a:xfrm>
            <a:off x="2949575" y="1755775"/>
            <a:ext cx="1019175" cy="304800"/>
          </a:xfrm>
          <a:prstGeom prst="cube">
            <a:avLst>
              <a:gd name="adj" fmla="val 10764"/>
            </a:avLst>
          </a:prstGeom>
          <a:solidFill>
            <a:srgbClr val="FF0000"/>
          </a:solidFill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18599" tIns="9301" rIns="18599" bIns="9301" anchor="ctr"/>
          <a:lstStyle/>
          <a:p>
            <a:pPr>
              <a:defRPr/>
            </a:pPr>
            <a:r>
              <a:rPr lang="ja-JP" altLang="en-US" sz="1200" dirty="0"/>
              <a:t>目視法</a:t>
            </a:r>
          </a:p>
        </p:txBody>
      </p:sp>
      <p:sp>
        <p:nvSpPr>
          <p:cNvPr id="6163" name="_s197656">
            <a:extLst>
              <a:ext uri="{FF2B5EF4-FFF2-40B4-BE49-F238E27FC236}">
                <a16:creationId xmlns:a16="http://schemas.microsoft.com/office/drawing/2014/main" id="{5BEDAF90-49C6-F3A7-4822-F1CE893359A6}"/>
              </a:ext>
            </a:extLst>
          </p:cNvPr>
          <p:cNvSpPr>
            <a:spLocks noChangeArrowheads="1"/>
          </p:cNvSpPr>
          <p:nvPr/>
        </p:nvSpPr>
        <p:spPr bwMode="auto">
          <a:xfrm>
            <a:off x="2846388" y="2165350"/>
            <a:ext cx="1120775" cy="412750"/>
          </a:xfrm>
          <a:prstGeom prst="cube">
            <a:avLst>
              <a:gd name="adj" fmla="val 10764"/>
            </a:avLst>
          </a:prstGeom>
          <a:solidFill>
            <a:srgbClr val="FFC000"/>
          </a:solidFill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18599" tIns="9301" rIns="18599" bIns="9301" anchor="ctr"/>
          <a:lstStyle/>
          <a:p>
            <a:pPr>
              <a:defRPr/>
            </a:pPr>
            <a:r>
              <a:rPr lang="ja-JP" altLang="en-US" sz="1100" dirty="0"/>
              <a:t>赤外線法</a:t>
            </a:r>
          </a:p>
          <a:p>
            <a:pPr>
              <a:defRPr/>
            </a:pPr>
            <a:r>
              <a:rPr lang="ja-JP" altLang="en-US" sz="1100" dirty="0"/>
              <a:t>（サーモグラフィー</a:t>
            </a:r>
            <a:r>
              <a:rPr lang="en-US" altLang="ja-JP" sz="1100" dirty="0"/>
              <a:t>)</a:t>
            </a:r>
          </a:p>
        </p:txBody>
      </p:sp>
      <p:sp>
        <p:nvSpPr>
          <p:cNvPr id="6164" name="_s197657">
            <a:extLst>
              <a:ext uri="{FF2B5EF4-FFF2-40B4-BE49-F238E27FC236}">
                <a16:creationId xmlns:a16="http://schemas.microsoft.com/office/drawing/2014/main" id="{4B969EBC-E339-1D5F-55EC-D11C9E81F0C4}"/>
              </a:ext>
            </a:extLst>
          </p:cNvPr>
          <p:cNvSpPr>
            <a:spLocks noChangeArrowheads="1"/>
          </p:cNvSpPr>
          <p:nvPr/>
        </p:nvSpPr>
        <p:spPr bwMode="auto">
          <a:xfrm>
            <a:off x="2947988" y="2605088"/>
            <a:ext cx="1019175" cy="306387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18599" tIns="9301" rIns="18599" bIns="9301" anchor="ctr"/>
          <a:lstStyle/>
          <a:p>
            <a:pPr>
              <a:defRPr/>
            </a:pPr>
            <a:r>
              <a:rPr lang="ja-JP" altLang="en-US" sz="1200" dirty="0"/>
              <a:t>弾性波法</a:t>
            </a:r>
          </a:p>
        </p:txBody>
      </p:sp>
      <p:sp>
        <p:nvSpPr>
          <p:cNvPr id="6165" name="_s197658">
            <a:extLst>
              <a:ext uri="{FF2B5EF4-FFF2-40B4-BE49-F238E27FC236}">
                <a16:creationId xmlns:a16="http://schemas.microsoft.com/office/drawing/2014/main" id="{8F11E783-ED72-2BA0-F676-3DFD222D3C25}"/>
              </a:ext>
            </a:extLst>
          </p:cNvPr>
          <p:cNvSpPr>
            <a:spLocks noChangeArrowheads="1"/>
          </p:cNvSpPr>
          <p:nvPr/>
        </p:nvSpPr>
        <p:spPr bwMode="auto">
          <a:xfrm>
            <a:off x="2947988" y="4292600"/>
            <a:ext cx="1019175" cy="3048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18599" tIns="9301" rIns="18599" bIns="9301" anchor="ctr"/>
          <a:lstStyle/>
          <a:p>
            <a:pPr>
              <a:defRPr/>
            </a:pPr>
            <a:r>
              <a:rPr lang="ja-JP" altLang="en-US" sz="1200" dirty="0"/>
              <a:t>反発度測定法</a:t>
            </a:r>
          </a:p>
        </p:txBody>
      </p:sp>
      <p:sp>
        <p:nvSpPr>
          <p:cNvPr id="6166" name="_s197659">
            <a:extLst>
              <a:ext uri="{FF2B5EF4-FFF2-40B4-BE49-F238E27FC236}">
                <a16:creationId xmlns:a16="http://schemas.microsoft.com/office/drawing/2014/main" id="{8C834F49-E817-F1A4-5EAC-974AD65AEB21}"/>
              </a:ext>
            </a:extLst>
          </p:cNvPr>
          <p:cNvSpPr>
            <a:spLocks noChangeArrowheads="1"/>
          </p:cNvSpPr>
          <p:nvPr/>
        </p:nvSpPr>
        <p:spPr bwMode="auto">
          <a:xfrm>
            <a:off x="5495925" y="1755775"/>
            <a:ext cx="1381125" cy="3048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21382" tIns="10689" rIns="21382" bIns="10689" anchor="ctr"/>
          <a:lstStyle/>
          <a:p>
            <a:pPr>
              <a:defRPr/>
            </a:pPr>
            <a:r>
              <a:rPr lang="ja-JP" altLang="en-US" sz="900" dirty="0"/>
              <a:t>コンクリートコアによる試験</a:t>
            </a:r>
          </a:p>
        </p:txBody>
      </p:sp>
      <p:sp>
        <p:nvSpPr>
          <p:cNvPr id="6167" name="_s197660">
            <a:extLst>
              <a:ext uri="{FF2B5EF4-FFF2-40B4-BE49-F238E27FC236}">
                <a16:creationId xmlns:a16="http://schemas.microsoft.com/office/drawing/2014/main" id="{B6CBD904-1808-C1C5-4552-3FAD4C4F1043}"/>
              </a:ext>
            </a:extLst>
          </p:cNvPr>
          <p:cNvSpPr>
            <a:spLocks noChangeArrowheads="1"/>
          </p:cNvSpPr>
          <p:nvPr/>
        </p:nvSpPr>
        <p:spPr bwMode="auto">
          <a:xfrm>
            <a:off x="5495925" y="2170113"/>
            <a:ext cx="1019175" cy="3048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3502" tIns="21751" rIns="43502" bIns="21751" anchor="ctr"/>
          <a:lstStyle/>
          <a:p>
            <a:pPr>
              <a:defRPr/>
            </a:pPr>
            <a:r>
              <a:rPr lang="ja-JP" altLang="en-US" sz="1200" dirty="0"/>
              <a:t>はつり調査</a:t>
            </a:r>
          </a:p>
        </p:txBody>
      </p:sp>
      <p:sp>
        <p:nvSpPr>
          <p:cNvPr id="6168" name="_s197661">
            <a:extLst>
              <a:ext uri="{FF2B5EF4-FFF2-40B4-BE49-F238E27FC236}">
                <a16:creationId xmlns:a16="http://schemas.microsoft.com/office/drawing/2014/main" id="{15116FC4-8A35-F024-CF2F-347214A98025}"/>
              </a:ext>
            </a:extLst>
          </p:cNvPr>
          <p:cNvSpPr>
            <a:spLocks noChangeArrowheads="1"/>
          </p:cNvSpPr>
          <p:nvPr/>
        </p:nvSpPr>
        <p:spPr bwMode="auto">
          <a:xfrm>
            <a:off x="6175375" y="2578100"/>
            <a:ext cx="1020763" cy="2032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900"/>
              <a:t>鉄筋腐食度調査</a:t>
            </a:r>
          </a:p>
        </p:txBody>
      </p:sp>
      <p:sp>
        <p:nvSpPr>
          <p:cNvPr id="6169" name="_s197662">
            <a:extLst>
              <a:ext uri="{FF2B5EF4-FFF2-40B4-BE49-F238E27FC236}">
                <a16:creationId xmlns:a16="http://schemas.microsoft.com/office/drawing/2014/main" id="{198317A0-F94C-77D0-FB3E-1E7790162645}"/>
              </a:ext>
            </a:extLst>
          </p:cNvPr>
          <p:cNvSpPr>
            <a:spLocks noChangeArrowheads="1"/>
          </p:cNvSpPr>
          <p:nvPr/>
        </p:nvSpPr>
        <p:spPr bwMode="auto">
          <a:xfrm>
            <a:off x="6175375" y="2933700"/>
            <a:ext cx="1020763" cy="20478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54201" tIns="27100" rIns="54201" bIns="27100" anchor="ctr"/>
          <a:lstStyle/>
          <a:p>
            <a:pPr>
              <a:defRPr/>
            </a:pPr>
            <a:r>
              <a:rPr lang="ja-JP" altLang="en-US" sz="900"/>
              <a:t>中性化深さ測定</a:t>
            </a:r>
          </a:p>
        </p:txBody>
      </p:sp>
      <p:sp>
        <p:nvSpPr>
          <p:cNvPr id="6170" name="_s197663">
            <a:extLst>
              <a:ext uri="{FF2B5EF4-FFF2-40B4-BE49-F238E27FC236}">
                <a16:creationId xmlns:a16="http://schemas.microsoft.com/office/drawing/2014/main" id="{BE6D1BA4-B28F-55D8-CCCB-3884B0312846}"/>
              </a:ext>
            </a:extLst>
          </p:cNvPr>
          <p:cNvSpPr>
            <a:spLocks noChangeArrowheads="1"/>
          </p:cNvSpPr>
          <p:nvPr/>
        </p:nvSpPr>
        <p:spPr bwMode="auto">
          <a:xfrm>
            <a:off x="2268538" y="3000375"/>
            <a:ext cx="1019175" cy="284163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60776" tIns="30389" rIns="60776" bIns="30389" anchor="ctr"/>
          <a:lstStyle/>
          <a:p>
            <a:pPr>
              <a:defRPr/>
            </a:pPr>
            <a:r>
              <a:rPr lang="ja-JP" altLang="en-US" sz="1200" dirty="0"/>
              <a:t>衝撃弾性波法</a:t>
            </a:r>
          </a:p>
        </p:txBody>
      </p:sp>
      <p:sp>
        <p:nvSpPr>
          <p:cNvPr id="6171" name="_s197664">
            <a:extLst>
              <a:ext uri="{FF2B5EF4-FFF2-40B4-BE49-F238E27FC236}">
                <a16:creationId xmlns:a16="http://schemas.microsoft.com/office/drawing/2014/main" id="{1740001F-9ABD-F445-A18C-A56040CF9A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2268538" y="3500438"/>
            <a:ext cx="1019175" cy="277812"/>
          </a:xfrm>
          <a:prstGeom prst="cube">
            <a:avLst>
              <a:gd name="adj" fmla="val 10764"/>
            </a:avLst>
          </a:prstGeom>
          <a:solidFill>
            <a:srgbClr val="FFC000"/>
          </a:solidFill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66011" tIns="33007" rIns="66011" bIns="33007" anchor="ctr"/>
          <a:lstStyle/>
          <a:p>
            <a:pPr>
              <a:defRPr/>
            </a:pPr>
            <a:r>
              <a:rPr lang="ja-JP" altLang="en-US" sz="1200" dirty="0"/>
              <a:t>超音波法</a:t>
            </a:r>
          </a:p>
        </p:txBody>
      </p:sp>
      <p:sp>
        <p:nvSpPr>
          <p:cNvPr id="6172" name="_s197665">
            <a:extLst>
              <a:ext uri="{FF2B5EF4-FFF2-40B4-BE49-F238E27FC236}">
                <a16:creationId xmlns:a16="http://schemas.microsoft.com/office/drawing/2014/main" id="{71DEE239-0E62-92C1-A681-7F62EBE0B54F}"/>
              </a:ext>
            </a:extLst>
          </p:cNvPr>
          <p:cNvSpPr>
            <a:spLocks noChangeArrowheads="1"/>
          </p:cNvSpPr>
          <p:nvPr/>
        </p:nvSpPr>
        <p:spPr bwMode="auto">
          <a:xfrm>
            <a:off x="6175375" y="3290888"/>
            <a:ext cx="1020763" cy="204787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81473" tIns="40737" rIns="81473" bIns="40737" anchor="ctr"/>
          <a:lstStyle/>
          <a:p>
            <a:pPr>
              <a:defRPr/>
            </a:pPr>
            <a:r>
              <a:rPr lang="ja-JP" altLang="en-US" sz="900"/>
              <a:t>かぶり深さ・径測定</a:t>
            </a:r>
          </a:p>
        </p:txBody>
      </p:sp>
      <p:sp>
        <p:nvSpPr>
          <p:cNvPr id="6173" name="_s197666">
            <a:extLst>
              <a:ext uri="{FF2B5EF4-FFF2-40B4-BE49-F238E27FC236}">
                <a16:creationId xmlns:a16="http://schemas.microsoft.com/office/drawing/2014/main" id="{32C433EC-856C-9EB7-6BC3-EE474AC3434F}"/>
              </a:ext>
            </a:extLst>
          </p:cNvPr>
          <p:cNvSpPr>
            <a:spLocks noChangeArrowheads="1"/>
          </p:cNvSpPr>
          <p:nvPr/>
        </p:nvSpPr>
        <p:spPr bwMode="auto">
          <a:xfrm>
            <a:off x="2947988" y="4641850"/>
            <a:ext cx="1019175" cy="304800"/>
          </a:xfrm>
          <a:prstGeom prst="cube">
            <a:avLst>
              <a:gd name="adj" fmla="val 10764"/>
            </a:avLst>
          </a:prstGeom>
          <a:solidFill>
            <a:srgbClr val="FFC000"/>
          </a:solidFill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81473" tIns="40737" rIns="81473" bIns="40737" anchor="ctr"/>
          <a:lstStyle/>
          <a:p>
            <a:pPr>
              <a:defRPr/>
            </a:pPr>
            <a:r>
              <a:rPr lang="ja-JP" altLang="en-US" sz="1200" dirty="0"/>
              <a:t>レーダ法</a:t>
            </a:r>
          </a:p>
        </p:txBody>
      </p:sp>
      <p:sp>
        <p:nvSpPr>
          <p:cNvPr id="6174" name="_s197667">
            <a:extLst>
              <a:ext uri="{FF2B5EF4-FFF2-40B4-BE49-F238E27FC236}">
                <a16:creationId xmlns:a16="http://schemas.microsoft.com/office/drawing/2014/main" id="{6F2A9A52-C585-4DD2-917D-371E758368E3}"/>
              </a:ext>
            </a:extLst>
          </p:cNvPr>
          <p:cNvSpPr>
            <a:spLocks noChangeArrowheads="1"/>
          </p:cNvSpPr>
          <p:nvPr/>
        </p:nvSpPr>
        <p:spPr bwMode="auto">
          <a:xfrm>
            <a:off x="4427538" y="5065713"/>
            <a:ext cx="1019175" cy="306387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82296" tIns="41148" rIns="82296" bIns="41148" anchor="ctr"/>
          <a:lstStyle/>
          <a:p>
            <a:pPr>
              <a:defRPr/>
            </a:pPr>
            <a:r>
              <a:rPr lang="ja-JP" altLang="en-US" sz="1200" dirty="0"/>
              <a:t>自然電位法</a:t>
            </a:r>
          </a:p>
        </p:txBody>
      </p:sp>
      <p:sp>
        <p:nvSpPr>
          <p:cNvPr id="6175" name="_s197664">
            <a:extLst>
              <a:ext uri="{FF2B5EF4-FFF2-40B4-BE49-F238E27FC236}">
                <a16:creationId xmlns:a16="http://schemas.microsoft.com/office/drawing/2014/main" id="{EEC1361F-3D9D-F595-1B0E-958DD77F2C05}"/>
              </a:ext>
            </a:extLst>
          </p:cNvPr>
          <p:cNvSpPr>
            <a:spLocks noChangeArrowheads="1"/>
          </p:cNvSpPr>
          <p:nvPr/>
        </p:nvSpPr>
        <p:spPr bwMode="auto">
          <a:xfrm>
            <a:off x="2262188" y="3860800"/>
            <a:ext cx="1019175" cy="285750"/>
          </a:xfrm>
          <a:prstGeom prst="cube">
            <a:avLst>
              <a:gd name="adj" fmla="val 10764"/>
            </a:avLst>
          </a:prstGeom>
          <a:solidFill>
            <a:srgbClr val="FFC000"/>
          </a:solidFill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66011" tIns="33007" rIns="66011" bIns="33007" anchor="ctr"/>
          <a:lstStyle/>
          <a:p>
            <a:pPr>
              <a:defRPr/>
            </a:pPr>
            <a:r>
              <a:rPr lang="ja-JP" altLang="en-US" sz="1200" dirty="0"/>
              <a:t>打音法</a:t>
            </a:r>
          </a:p>
        </p:txBody>
      </p:sp>
      <p:sp>
        <p:nvSpPr>
          <p:cNvPr id="6176" name="_s197667">
            <a:extLst>
              <a:ext uri="{FF2B5EF4-FFF2-40B4-BE49-F238E27FC236}">
                <a16:creationId xmlns:a16="http://schemas.microsoft.com/office/drawing/2014/main" id="{54844185-8782-0D80-CF1B-8AF6E1F2752C}"/>
              </a:ext>
            </a:extLst>
          </p:cNvPr>
          <p:cNvSpPr>
            <a:spLocks noChangeArrowheads="1"/>
          </p:cNvSpPr>
          <p:nvPr/>
        </p:nvSpPr>
        <p:spPr bwMode="auto">
          <a:xfrm>
            <a:off x="4427538" y="5570538"/>
            <a:ext cx="1019175" cy="306387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82296" tIns="41148" rIns="82296" bIns="41148" anchor="ctr"/>
          <a:lstStyle/>
          <a:p>
            <a:pPr>
              <a:defRPr/>
            </a:pPr>
            <a:r>
              <a:rPr lang="ja-JP" altLang="en-US" sz="1200" dirty="0"/>
              <a:t>分極抵抗法</a:t>
            </a:r>
          </a:p>
        </p:txBody>
      </p:sp>
      <p:sp>
        <p:nvSpPr>
          <p:cNvPr id="6177" name="_s197667">
            <a:extLst>
              <a:ext uri="{FF2B5EF4-FFF2-40B4-BE49-F238E27FC236}">
                <a16:creationId xmlns:a16="http://schemas.microsoft.com/office/drawing/2014/main" id="{018C4F63-84DB-A882-9413-BBC3B1F13A15}"/>
              </a:ext>
            </a:extLst>
          </p:cNvPr>
          <p:cNvSpPr>
            <a:spLocks noChangeArrowheads="1"/>
          </p:cNvSpPr>
          <p:nvPr/>
        </p:nvSpPr>
        <p:spPr bwMode="auto">
          <a:xfrm>
            <a:off x="2476500" y="5354638"/>
            <a:ext cx="1490663" cy="288925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82296" tIns="41148" rIns="82296" bIns="41148" anchor="ctr"/>
          <a:lstStyle/>
          <a:p>
            <a:pPr>
              <a:defRPr/>
            </a:pPr>
            <a:r>
              <a:rPr lang="ja-JP" altLang="en-US" sz="1200" dirty="0"/>
              <a:t>コンタクトゲージ法</a:t>
            </a:r>
          </a:p>
        </p:txBody>
      </p:sp>
      <p:sp>
        <p:nvSpPr>
          <p:cNvPr id="6178" name="_s197667">
            <a:extLst>
              <a:ext uri="{FF2B5EF4-FFF2-40B4-BE49-F238E27FC236}">
                <a16:creationId xmlns:a16="http://schemas.microsoft.com/office/drawing/2014/main" id="{E6CE997E-0397-2A62-430A-5ADDC14053E8}"/>
              </a:ext>
            </a:extLst>
          </p:cNvPr>
          <p:cNvSpPr>
            <a:spLocks noChangeArrowheads="1"/>
          </p:cNvSpPr>
          <p:nvPr/>
        </p:nvSpPr>
        <p:spPr bwMode="auto">
          <a:xfrm>
            <a:off x="2947988" y="4989513"/>
            <a:ext cx="1019175" cy="306387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82296" tIns="41148" rIns="82296" bIns="41148" anchor="ctr"/>
          <a:lstStyle/>
          <a:p>
            <a:pPr>
              <a:defRPr/>
            </a:pPr>
            <a:r>
              <a:rPr lang="ja-JP" altLang="en-US" sz="1200" dirty="0"/>
              <a:t>ＡＥ法</a:t>
            </a:r>
          </a:p>
        </p:txBody>
      </p:sp>
      <p:sp>
        <p:nvSpPr>
          <p:cNvPr id="6179" name="_s197662">
            <a:extLst>
              <a:ext uri="{FF2B5EF4-FFF2-40B4-BE49-F238E27FC236}">
                <a16:creationId xmlns:a16="http://schemas.microsoft.com/office/drawing/2014/main" id="{3B945B15-324A-489A-C341-C4D6E1CEACFE}"/>
              </a:ext>
            </a:extLst>
          </p:cNvPr>
          <p:cNvSpPr>
            <a:spLocks noChangeArrowheads="1"/>
          </p:cNvSpPr>
          <p:nvPr/>
        </p:nvSpPr>
        <p:spPr bwMode="auto">
          <a:xfrm>
            <a:off x="6911975" y="3708400"/>
            <a:ext cx="1020763" cy="20478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54201" tIns="27100" rIns="54201" bIns="27100" anchor="ctr"/>
          <a:lstStyle/>
          <a:p>
            <a:pPr>
              <a:defRPr/>
            </a:pPr>
            <a:r>
              <a:rPr lang="ja-JP" altLang="en-US" sz="900"/>
              <a:t>中性化深さ測定</a:t>
            </a:r>
          </a:p>
        </p:txBody>
      </p:sp>
      <p:sp>
        <p:nvSpPr>
          <p:cNvPr id="6180" name="_s197662">
            <a:extLst>
              <a:ext uri="{FF2B5EF4-FFF2-40B4-BE49-F238E27FC236}">
                <a16:creationId xmlns:a16="http://schemas.microsoft.com/office/drawing/2014/main" id="{FB2E05FD-0B54-231F-85D8-86398E56954A}"/>
              </a:ext>
            </a:extLst>
          </p:cNvPr>
          <p:cNvSpPr>
            <a:spLocks noChangeArrowheads="1"/>
          </p:cNvSpPr>
          <p:nvPr/>
        </p:nvSpPr>
        <p:spPr bwMode="auto">
          <a:xfrm>
            <a:off x="6911975" y="3962400"/>
            <a:ext cx="1020763" cy="20478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54201" tIns="27100" rIns="54201" bIns="27100" anchor="ctr"/>
          <a:lstStyle/>
          <a:p>
            <a:pPr>
              <a:defRPr/>
            </a:pPr>
            <a:r>
              <a:rPr lang="ja-JP" altLang="en-US" sz="900"/>
              <a:t>含有塩分量測定</a:t>
            </a:r>
          </a:p>
        </p:txBody>
      </p:sp>
      <p:cxnSp>
        <p:nvCxnSpPr>
          <p:cNvPr id="6181" name="直線コネクタ 54">
            <a:extLst>
              <a:ext uri="{FF2B5EF4-FFF2-40B4-BE49-F238E27FC236}">
                <a16:creationId xmlns:a16="http://schemas.microsoft.com/office/drawing/2014/main" id="{0694D039-2A8A-1B33-3BB9-DB84BBB5637F}"/>
              </a:ext>
            </a:extLst>
          </p:cNvPr>
          <p:cNvCxnSpPr>
            <a:cxnSpLocks noChangeShapeType="1"/>
          </p:cNvCxnSpPr>
          <p:nvPr/>
        </p:nvCxnSpPr>
        <p:spPr bwMode="auto">
          <a:xfrm>
            <a:off x="6877050" y="1916113"/>
            <a:ext cx="228600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82" name="直線コネクタ 61">
            <a:extLst>
              <a:ext uri="{FF2B5EF4-FFF2-40B4-BE49-F238E27FC236}">
                <a16:creationId xmlns:a16="http://schemas.microsoft.com/office/drawing/2014/main" id="{52E790B5-8E41-52E0-AD3E-DDAE08A980FC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7080250" y="1611313"/>
            <a:ext cx="207963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183" name="直線コネクタ 62">
            <a:extLst>
              <a:ext uri="{FF2B5EF4-FFF2-40B4-BE49-F238E27FC236}">
                <a16:creationId xmlns:a16="http://schemas.microsoft.com/office/drawing/2014/main" id="{5A18BE20-AD97-B644-255B-42A66DF2845A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7086600" y="2100263"/>
            <a:ext cx="207963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184" name="_s197662">
            <a:extLst>
              <a:ext uri="{FF2B5EF4-FFF2-40B4-BE49-F238E27FC236}">
                <a16:creationId xmlns:a16="http://schemas.microsoft.com/office/drawing/2014/main" id="{75981E0C-5E34-78D0-BDCA-BF701A88D262}"/>
              </a:ext>
            </a:extLst>
          </p:cNvPr>
          <p:cNvSpPr>
            <a:spLocks noChangeArrowheads="1"/>
          </p:cNvSpPr>
          <p:nvPr/>
        </p:nvSpPr>
        <p:spPr bwMode="auto">
          <a:xfrm>
            <a:off x="7294563" y="1257300"/>
            <a:ext cx="1020762" cy="20478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54201" tIns="27100" rIns="54201" bIns="27100" anchor="ctr"/>
          <a:lstStyle/>
          <a:p>
            <a:pPr>
              <a:defRPr/>
            </a:pPr>
            <a:r>
              <a:rPr lang="ja-JP" altLang="en-US" sz="900"/>
              <a:t>中性化深さ測定</a:t>
            </a:r>
          </a:p>
        </p:txBody>
      </p:sp>
      <p:sp>
        <p:nvSpPr>
          <p:cNvPr id="6185" name="_s197662">
            <a:extLst>
              <a:ext uri="{FF2B5EF4-FFF2-40B4-BE49-F238E27FC236}">
                <a16:creationId xmlns:a16="http://schemas.microsoft.com/office/drawing/2014/main" id="{45209F32-81A4-8F55-DDD0-FEE9FAD49AA4}"/>
              </a:ext>
            </a:extLst>
          </p:cNvPr>
          <p:cNvSpPr>
            <a:spLocks noChangeArrowheads="1"/>
          </p:cNvSpPr>
          <p:nvPr/>
        </p:nvSpPr>
        <p:spPr bwMode="auto">
          <a:xfrm>
            <a:off x="7288213" y="1746250"/>
            <a:ext cx="1020762" cy="20478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54201" tIns="27100" rIns="54201" bIns="27100" anchor="ctr"/>
          <a:lstStyle/>
          <a:p>
            <a:pPr>
              <a:defRPr/>
            </a:pPr>
            <a:r>
              <a:rPr lang="ja-JP" altLang="en-US" sz="900" dirty="0"/>
              <a:t>含有塩分量測定</a:t>
            </a:r>
          </a:p>
        </p:txBody>
      </p:sp>
      <p:sp>
        <p:nvSpPr>
          <p:cNvPr id="6186" name="_s197662">
            <a:extLst>
              <a:ext uri="{FF2B5EF4-FFF2-40B4-BE49-F238E27FC236}">
                <a16:creationId xmlns:a16="http://schemas.microsoft.com/office/drawing/2014/main" id="{443A7217-F2C6-4AEC-A787-E3E84ACF081D}"/>
              </a:ext>
            </a:extLst>
          </p:cNvPr>
          <p:cNvSpPr>
            <a:spLocks noChangeArrowheads="1"/>
          </p:cNvSpPr>
          <p:nvPr/>
        </p:nvSpPr>
        <p:spPr bwMode="auto">
          <a:xfrm>
            <a:off x="7294563" y="1498600"/>
            <a:ext cx="1020762" cy="20478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54201" tIns="27100" rIns="54201" bIns="27100" anchor="ctr"/>
          <a:lstStyle/>
          <a:p>
            <a:pPr>
              <a:defRPr/>
            </a:pPr>
            <a:r>
              <a:rPr lang="ja-JP" altLang="en-US" sz="900"/>
              <a:t>静弾性係数試験</a:t>
            </a:r>
          </a:p>
        </p:txBody>
      </p:sp>
      <p:sp>
        <p:nvSpPr>
          <p:cNvPr id="6187" name="_s197662">
            <a:extLst>
              <a:ext uri="{FF2B5EF4-FFF2-40B4-BE49-F238E27FC236}">
                <a16:creationId xmlns:a16="http://schemas.microsoft.com/office/drawing/2014/main" id="{467B9F05-6969-295D-3B80-FEB7D13E9F26}"/>
              </a:ext>
            </a:extLst>
          </p:cNvPr>
          <p:cNvSpPr>
            <a:spLocks noChangeArrowheads="1"/>
          </p:cNvSpPr>
          <p:nvPr/>
        </p:nvSpPr>
        <p:spPr bwMode="auto">
          <a:xfrm>
            <a:off x="7288213" y="1993900"/>
            <a:ext cx="1020762" cy="20478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54201" tIns="27100" rIns="54201" bIns="27100" anchor="ctr"/>
          <a:lstStyle/>
          <a:p>
            <a:pPr>
              <a:defRPr/>
            </a:pPr>
            <a:r>
              <a:rPr lang="ja-JP" altLang="en-US" sz="900"/>
              <a:t>圧縮強度試験</a:t>
            </a:r>
          </a:p>
        </p:txBody>
      </p:sp>
      <p:sp>
        <p:nvSpPr>
          <p:cNvPr id="6188" name="_s197662">
            <a:extLst>
              <a:ext uri="{FF2B5EF4-FFF2-40B4-BE49-F238E27FC236}">
                <a16:creationId xmlns:a16="http://schemas.microsoft.com/office/drawing/2014/main" id="{376C3B17-AE60-5DF8-AC76-81082DF14D8D}"/>
              </a:ext>
            </a:extLst>
          </p:cNvPr>
          <p:cNvSpPr>
            <a:spLocks noChangeArrowheads="1"/>
          </p:cNvSpPr>
          <p:nvPr/>
        </p:nvSpPr>
        <p:spPr bwMode="auto">
          <a:xfrm>
            <a:off x="7288213" y="2241550"/>
            <a:ext cx="1020762" cy="20478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54201" tIns="27100" rIns="54201" bIns="27100" anchor="ctr"/>
          <a:lstStyle/>
          <a:p>
            <a:pPr>
              <a:defRPr/>
            </a:pPr>
            <a:r>
              <a:rPr lang="ja-JP" altLang="en-US" sz="900"/>
              <a:t>残存膨張量試験</a:t>
            </a:r>
          </a:p>
        </p:txBody>
      </p:sp>
      <p:cxnSp>
        <p:nvCxnSpPr>
          <p:cNvPr id="6189" name="直線コネクタ 66">
            <a:extLst>
              <a:ext uri="{FF2B5EF4-FFF2-40B4-BE49-F238E27FC236}">
                <a16:creationId xmlns:a16="http://schemas.microsoft.com/office/drawing/2014/main" id="{BF925A9C-F21C-A79A-1DB2-3292B8208246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6500813" y="3935413"/>
            <a:ext cx="2079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190" name="_s197659">
            <a:extLst>
              <a:ext uri="{FF2B5EF4-FFF2-40B4-BE49-F238E27FC236}">
                <a16:creationId xmlns:a16="http://schemas.microsoft.com/office/drawing/2014/main" id="{6F67CDD7-BA0B-D0CD-3202-112C38573E1A}"/>
              </a:ext>
            </a:extLst>
          </p:cNvPr>
          <p:cNvSpPr>
            <a:spLocks noChangeArrowheads="1"/>
          </p:cNvSpPr>
          <p:nvPr/>
        </p:nvSpPr>
        <p:spPr bwMode="auto">
          <a:xfrm>
            <a:off x="5495925" y="3794125"/>
            <a:ext cx="1019175" cy="3048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21382" tIns="10689" rIns="21382" bIns="10689" anchor="ctr"/>
          <a:lstStyle/>
          <a:p>
            <a:pPr>
              <a:defRPr/>
            </a:pPr>
            <a:r>
              <a:rPr lang="ja-JP" altLang="en-US" sz="900"/>
              <a:t>ドリル削孔法</a:t>
            </a:r>
          </a:p>
        </p:txBody>
      </p:sp>
      <p:sp>
        <p:nvSpPr>
          <p:cNvPr id="6191" name="フリーフォーム 71">
            <a:extLst>
              <a:ext uri="{FF2B5EF4-FFF2-40B4-BE49-F238E27FC236}">
                <a16:creationId xmlns:a16="http://schemas.microsoft.com/office/drawing/2014/main" id="{45DF2FC9-564F-D12D-D63E-E5E2889B7DF0}"/>
              </a:ext>
            </a:extLst>
          </p:cNvPr>
          <p:cNvSpPr>
            <a:spLocks/>
          </p:cNvSpPr>
          <p:nvPr/>
        </p:nvSpPr>
        <p:spPr bwMode="auto">
          <a:xfrm>
            <a:off x="6732588" y="3789363"/>
            <a:ext cx="196850" cy="266700"/>
          </a:xfrm>
          <a:custGeom>
            <a:avLst/>
            <a:gdLst>
              <a:gd name="T0" fmla="*/ 196850 w 196850"/>
              <a:gd name="T1" fmla="*/ 0 h 266700"/>
              <a:gd name="T2" fmla="*/ 0 w 196850"/>
              <a:gd name="T3" fmla="*/ 0 h 266700"/>
              <a:gd name="T4" fmla="*/ 0 w 196850"/>
              <a:gd name="T5" fmla="*/ 266700 h 266700"/>
              <a:gd name="T6" fmla="*/ 196850 w 196850"/>
              <a:gd name="T7" fmla="*/ 266700 h 266700"/>
              <a:gd name="T8" fmla="*/ 0 60000 65536"/>
              <a:gd name="T9" fmla="*/ 0 60000 65536"/>
              <a:gd name="T10" fmla="*/ 0 60000 65536"/>
              <a:gd name="T11" fmla="*/ 0 60000 65536"/>
              <a:gd name="T12" fmla="*/ 0 w 196850"/>
              <a:gd name="T13" fmla="*/ 0 h 266700"/>
              <a:gd name="T14" fmla="*/ 196850 w 196850"/>
              <a:gd name="T15" fmla="*/ 266700 h 2667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196850" h="266700">
                <a:moveTo>
                  <a:pt x="196850" y="0"/>
                </a:moveTo>
                <a:lnTo>
                  <a:pt x="0" y="0"/>
                </a:lnTo>
                <a:lnTo>
                  <a:pt x="0" y="266700"/>
                </a:lnTo>
                <a:lnTo>
                  <a:pt x="196850" y="266700"/>
                </a:lnTo>
              </a:path>
            </a:pathLst>
          </a:cu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anchor="ctr"/>
          <a:lstStyle/>
          <a:p>
            <a:pPr>
              <a:defRPr/>
            </a:pPr>
            <a:endParaRPr lang="ja-JP" altLang="en-US"/>
          </a:p>
        </p:txBody>
      </p:sp>
      <p:sp>
        <p:nvSpPr>
          <p:cNvPr id="6192" name="フリーフォーム 74">
            <a:extLst>
              <a:ext uri="{FF2B5EF4-FFF2-40B4-BE49-F238E27FC236}">
                <a16:creationId xmlns:a16="http://schemas.microsoft.com/office/drawing/2014/main" id="{852980F4-82CA-D5A5-E52D-06828346BA81}"/>
              </a:ext>
            </a:extLst>
          </p:cNvPr>
          <p:cNvSpPr>
            <a:spLocks/>
          </p:cNvSpPr>
          <p:nvPr/>
        </p:nvSpPr>
        <p:spPr bwMode="auto">
          <a:xfrm>
            <a:off x="5324475" y="2338388"/>
            <a:ext cx="184150" cy="1619250"/>
          </a:xfrm>
          <a:custGeom>
            <a:avLst/>
            <a:gdLst>
              <a:gd name="T0" fmla="*/ 0 w 184150"/>
              <a:gd name="T1" fmla="*/ 0 h 1619250"/>
              <a:gd name="T2" fmla="*/ 0 w 184150"/>
              <a:gd name="T3" fmla="*/ 1619250 h 1619250"/>
              <a:gd name="T4" fmla="*/ 184150 w 184150"/>
              <a:gd name="T5" fmla="*/ 1619250 h 1619250"/>
              <a:gd name="T6" fmla="*/ 0 60000 65536"/>
              <a:gd name="T7" fmla="*/ 0 60000 65536"/>
              <a:gd name="T8" fmla="*/ 0 60000 65536"/>
              <a:gd name="T9" fmla="*/ 0 w 184150"/>
              <a:gd name="T10" fmla="*/ 0 h 1619250"/>
              <a:gd name="T11" fmla="*/ 184150 w 184150"/>
              <a:gd name="T12" fmla="*/ 1619250 h 1619250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184150" h="1619250">
                <a:moveTo>
                  <a:pt x="0" y="0"/>
                </a:moveTo>
                <a:lnTo>
                  <a:pt x="0" y="1619250"/>
                </a:lnTo>
                <a:lnTo>
                  <a:pt x="184150" y="1619250"/>
                </a:lnTo>
              </a:path>
            </a:pathLst>
          </a:cu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anchor="ctr"/>
          <a:lstStyle/>
          <a:p>
            <a:pPr>
              <a:defRPr/>
            </a:pPr>
            <a:endParaRPr lang="ja-JP" altLang="en-US"/>
          </a:p>
        </p:txBody>
      </p:sp>
      <p:cxnSp>
        <p:nvCxnSpPr>
          <p:cNvPr id="6193" name="直線コネクタ 77">
            <a:extLst>
              <a:ext uri="{FF2B5EF4-FFF2-40B4-BE49-F238E27FC236}">
                <a16:creationId xmlns:a16="http://schemas.microsoft.com/office/drawing/2014/main" id="{832E8DFA-E4D2-78B7-897D-F20580F0F7ED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2636838" y="2330450"/>
            <a:ext cx="2079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194" name="_s197661">
            <a:extLst>
              <a:ext uri="{FF2B5EF4-FFF2-40B4-BE49-F238E27FC236}">
                <a16:creationId xmlns:a16="http://schemas.microsoft.com/office/drawing/2014/main" id="{C6748B28-F3C6-AD67-5707-F7A287641FBA}"/>
              </a:ext>
            </a:extLst>
          </p:cNvPr>
          <p:cNvSpPr>
            <a:spLocks noChangeArrowheads="1"/>
          </p:cNvSpPr>
          <p:nvPr/>
        </p:nvSpPr>
        <p:spPr bwMode="auto">
          <a:xfrm>
            <a:off x="1560513" y="2236788"/>
            <a:ext cx="1020762" cy="2032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うき・空洞調査</a:t>
            </a:r>
          </a:p>
        </p:txBody>
      </p:sp>
      <p:cxnSp>
        <p:nvCxnSpPr>
          <p:cNvPr id="6195" name="直線コネクタ 78">
            <a:extLst>
              <a:ext uri="{FF2B5EF4-FFF2-40B4-BE49-F238E27FC236}">
                <a16:creationId xmlns:a16="http://schemas.microsoft.com/office/drawing/2014/main" id="{61C34CA7-3C0D-4061-8B2D-3EC218DAFE71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1979613" y="3176588"/>
            <a:ext cx="2841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196" name="_s197661">
            <a:extLst>
              <a:ext uri="{FF2B5EF4-FFF2-40B4-BE49-F238E27FC236}">
                <a16:creationId xmlns:a16="http://schemas.microsoft.com/office/drawing/2014/main" id="{AF95D584-E91B-F438-488C-95E1663EFA05}"/>
              </a:ext>
            </a:extLst>
          </p:cNvPr>
          <p:cNvSpPr>
            <a:spLocks noChangeArrowheads="1"/>
          </p:cNvSpPr>
          <p:nvPr/>
        </p:nvSpPr>
        <p:spPr bwMode="auto">
          <a:xfrm>
            <a:off x="827088" y="3046413"/>
            <a:ext cx="1143000" cy="225425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杭長・厚さ測定</a:t>
            </a:r>
          </a:p>
        </p:txBody>
      </p:sp>
      <p:cxnSp>
        <p:nvCxnSpPr>
          <p:cNvPr id="6197" name="直線コネクタ 82">
            <a:extLst>
              <a:ext uri="{FF2B5EF4-FFF2-40B4-BE49-F238E27FC236}">
                <a16:creationId xmlns:a16="http://schemas.microsoft.com/office/drawing/2014/main" id="{9528EB4D-C45E-4B73-7F2F-82E74152702A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2106613" y="3671888"/>
            <a:ext cx="1571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198" name="_s197661">
            <a:extLst>
              <a:ext uri="{FF2B5EF4-FFF2-40B4-BE49-F238E27FC236}">
                <a16:creationId xmlns:a16="http://schemas.microsoft.com/office/drawing/2014/main" id="{9E682898-B8EA-32F8-85B8-BF46EA9A400B}"/>
              </a:ext>
            </a:extLst>
          </p:cNvPr>
          <p:cNvSpPr>
            <a:spLocks noChangeArrowheads="1"/>
          </p:cNvSpPr>
          <p:nvPr/>
        </p:nvSpPr>
        <p:spPr bwMode="auto">
          <a:xfrm>
            <a:off x="684213" y="3457575"/>
            <a:ext cx="1285875" cy="2032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ひび割れ深さ調査</a:t>
            </a:r>
          </a:p>
        </p:txBody>
      </p:sp>
      <p:sp>
        <p:nvSpPr>
          <p:cNvPr id="6199" name="_s197661">
            <a:extLst>
              <a:ext uri="{FF2B5EF4-FFF2-40B4-BE49-F238E27FC236}">
                <a16:creationId xmlns:a16="http://schemas.microsoft.com/office/drawing/2014/main" id="{ECA8D266-DD72-1C5D-A64D-D729CC5CC03E}"/>
              </a:ext>
            </a:extLst>
          </p:cNvPr>
          <p:cNvSpPr>
            <a:spLocks noChangeArrowheads="1"/>
          </p:cNvSpPr>
          <p:nvPr/>
        </p:nvSpPr>
        <p:spPr bwMode="auto">
          <a:xfrm>
            <a:off x="107950" y="3671888"/>
            <a:ext cx="1862138" cy="261937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品質調査</a:t>
            </a:r>
            <a:r>
              <a:rPr lang="en-US" altLang="ja-JP" sz="1200" dirty="0"/>
              <a:t>(</a:t>
            </a:r>
            <a:r>
              <a:rPr lang="ja-JP" altLang="en-US" sz="1200" dirty="0"/>
              <a:t>空洞・豆板・凍害）</a:t>
            </a:r>
          </a:p>
        </p:txBody>
      </p:sp>
      <p:sp>
        <p:nvSpPr>
          <p:cNvPr id="6200" name="フリーフォーム 85">
            <a:extLst>
              <a:ext uri="{FF2B5EF4-FFF2-40B4-BE49-F238E27FC236}">
                <a16:creationId xmlns:a16="http://schemas.microsoft.com/office/drawing/2014/main" id="{731B0B01-A56B-CE42-19FE-6C370EC4EC51}"/>
              </a:ext>
            </a:extLst>
          </p:cNvPr>
          <p:cNvSpPr>
            <a:spLocks/>
          </p:cNvSpPr>
          <p:nvPr/>
        </p:nvSpPr>
        <p:spPr bwMode="auto">
          <a:xfrm flipH="1">
            <a:off x="1973263" y="3541713"/>
            <a:ext cx="133350" cy="266700"/>
          </a:xfrm>
          <a:custGeom>
            <a:avLst/>
            <a:gdLst>
              <a:gd name="T0" fmla="*/ 4006 w 196850"/>
              <a:gd name="T1" fmla="*/ 0 h 266700"/>
              <a:gd name="T2" fmla="*/ 0 w 196850"/>
              <a:gd name="T3" fmla="*/ 0 h 266700"/>
              <a:gd name="T4" fmla="*/ 0 w 196850"/>
              <a:gd name="T5" fmla="*/ 266700 h 266700"/>
              <a:gd name="T6" fmla="*/ 4006 w 196850"/>
              <a:gd name="T7" fmla="*/ 266700 h 266700"/>
              <a:gd name="T8" fmla="*/ 0 60000 65536"/>
              <a:gd name="T9" fmla="*/ 0 60000 65536"/>
              <a:gd name="T10" fmla="*/ 0 60000 65536"/>
              <a:gd name="T11" fmla="*/ 0 60000 65536"/>
              <a:gd name="T12" fmla="*/ 0 w 196850"/>
              <a:gd name="T13" fmla="*/ 0 h 266700"/>
              <a:gd name="T14" fmla="*/ 196850 w 196850"/>
              <a:gd name="T15" fmla="*/ 266700 h 2667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196850" h="266700">
                <a:moveTo>
                  <a:pt x="196850" y="0"/>
                </a:moveTo>
                <a:lnTo>
                  <a:pt x="0" y="0"/>
                </a:lnTo>
                <a:lnTo>
                  <a:pt x="0" y="266700"/>
                </a:lnTo>
                <a:lnTo>
                  <a:pt x="196850" y="266700"/>
                </a:lnTo>
              </a:path>
            </a:pathLst>
          </a:cu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anchor="ctr"/>
          <a:lstStyle/>
          <a:p>
            <a:pPr>
              <a:defRPr/>
            </a:pPr>
            <a:endParaRPr lang="ja-JP" altLang="en-US"/>
          </a:p>
        </p:txBody>
      </p:sp>
      <p:cxnSp>
        <p:nvCxnSpPr>
          <p:cNvPr id="6201" name="直線コネクタ 86">
            <a:extLst>
              <a:ext uri="{FF2B5EF4-FFF2-40B4-BE49-F238E27FC236}">
                <a16:creationId xmlns:a16="http://schemas.microsoft.com/office/drawing/2014/main" id="{320BB597-BF80-4D01-5565-7FF4E56D7348}"/>
              </a:ext>
            </a:extLst>
          </p:cNvPr>
          <p:cNvCxnSpPr>
            <a:cxnSpLocks noChangeShapeType="1"/>
            <a:endCxn id="6202" idx="5"/>
          </p:cNvCxnSpPr>
          <p:nvPr/>
        </p:nvCxnSpPr>
        <p:spPr bwMode="auto">
          <a:xfrm flipH="1">
            <a:off x="1963738" y="4043363"/>
            <a:ext cx="293687" cy="4762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02" name="_s197661">
            <a:extLst>
              <a:ext uri="{FF2B5EF4-FFF2-40B4-BE49-F238E27FC236}">
                <a16:creationId xmlns:a16="http://schemas.microsoft.com/office/drawing/2014/main" id="{02651167-2561-6C20-25C6-BB3102B05EE7}"/>
              </a:ext>
            </a:extLst>
          </p:cNvPr>
          <p:cNvSpPr>
            <a:spLocks noChangeArrowheads="1"/>
          </p:cNvSpPr>
          <p:nvPr/>
        </p:nvSpPr>
        <p:spPr bwMode="auto">
          <a:xfrm>
            <a:off x="684213" y="3962400"/>
            <a:ext cx="1279525" cy="193675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うき・空洞調査</a:t>
            </a:r>
          </a:p>
        </p:txBody>
      </p:sp>
      <p:sp>
        <p:nvSpPr>
          <p:cNvPr id="6203" name="_s197653">
            <a:extLst>
              <a:ext uri="{FF2B5EF4-FFF2-40B4-BE49-F238E27FC236}">
                <a16:creationId xmlns:a16="http://schemas.microsoft.com/office/drawing/2014/main" id="{429BEF2C-636D-2D9E-5EDC-0A91D92DCEA5}"/>
              </a:ext>
            </a:extLst>
          </p:cNvPr>
          <p:cNvSpPr>
            <a:spLocks noChangeArrowheads="1"/>
          </p:cNvSpPr>
          <p:nvPr/>
        </p:nvSpPr>
        <p:spPr bwMode="auto">
          <a:xfrm>
            <a:off x="3627438" y="1395413"/>
            <a:ext cx="1019175" cy="3048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18599" tIns="9301" rIns="18599" bIns="9301" anchor="ctr"/>
          <a:lstStyle/>
          <a:p>
            <a:pPr>
              <a:defRPr/>
            </a:pPr>
            <a:r>
              <a:rPr lang="ja-JP" altLang="en-US" sz="1200" b="1" dirty="0"/>
              <a:t>非破壊法</a:t>
            </a:r>
          </a:p>
        </p:txBody>
      </p:sp>
      <p:cxnSp>
        <p:nvCxnSpPr>
          <p:cNvPr id="6204" name="直線コネクタ 94">
            <a:extLst>
              <a:ext uri="{FF2B5EF4-FFF2-40B4-BE49-F238E27FC236}">
                <a16:creationId xmlns:a16="http://schemas.microsoft.com/office/drawing/2014/main" id="{1CA67460-B283-A801-D372-CD216DC0E7FB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2741613" y="4441825"/>
            <a:ext cx="2079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05" name="_s197661">
            <a:extLst>
              <a:ext uri="{FF2B5EF4-FFF2-40B4-BE49-F238E27FC236}">
                <a16:creationId xmlns:a16="http://schemas.microsoft.com/office/drawing/2014/main" id="{E3934E2C-A053-75DF-A12B-3E748585D1EE}"/>
              </a:ext>
            </a:extLst>
          </p:cNvPr>
          <p:cNvSpPr>
            <a:spLocks noChangeArrowheads="1"/>
          </p:cNvSpPr>
          <p:nvPr/>
        </p:nvSpPr>
        <p:spPr bwMode="auto">
          <a:xfrm>
            <a:off x="1398588" y="4348163"/>
            <a:ext cx="1358900" cy="2032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圧縮強度の推定</a:t>
            </a:r>
          </a:p>
        </p:txBody>
      </p:sp>
      <p:cxnSp>
        <p:nvCxnSpPr>
          <p:cNvPr id="6206" name="直線コネクタ 96">
            <a:extLst>
              <a:ext uri="{FF2B5EF4-FFF2-40B4-BE49-F238E27FC236}">
                <a16:creationId xmlns:a16="http://schemas.microsoft.com/office/drawing/2014/main" id="{877F3652-D75C-97E5-1A21-C6C8BAE8C305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2741613" y="4795838"/>
            <a:ext cx="2079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07" name="_s197661">
            <a:extLst>
              <a:ext uri="{FF2B5EF4-FFF2-40B4-BE49-F238E27FC236}">
                <a16:creationId xmlns:a16="http://schemas.microsoft.com/office/drawing/2014/main" id="{FAC85FE6-ECFA-F987-170D-2B06543E6599}"/>
              </a:ext>
            </a:extLst>
          </p:cNvPr>
          <p:cNvSpPr>
            <a:spLocks noChangeArrowheads="1"/>
          </p:cNvSpPr>
          <p:nvPr/>
        </p:nvSpPr>
        <p:spPr bwMode="auto">
          <a:xfrm>
            <a:off x="1736725" y="4702175"/>
            <a:ext cx="1020763" cy="2032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内部・空洞調査</a:t>
            </a:r>
          </a:p>
        </p:txBody>
      </p:sp>
      <p:cxnSp>
        <p:nvCxnSpPr>
          <p:cNvPr id="6208" name="直線コネクタ 98">
            <a:extLst>
              <a:ext uri="{FF2B5EF4-FFF2-40B4-BE49-F238E27FC236}">
                <a16:creationId xmlns:a16="http://schemas.microsoft.com/office/drawing/2014/main" id="{10D28039-1598-8F78-07A2-FAD6A745AAEA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2741613" y="5149850"/>
            <a:ext cx="2079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09" name="_s197661">
            <a:extLst>
              <a:ext uri="{FF2B5EF4-FFF2-40B4-BE49-F238E27FC236}">
                <a16:creationId xmlns:a16="http://schemas.microsoft.com/office/drawing/2014/main" id="{B5CE37D4-27BF-D13C-E599-270DF48A88E1}"/>
              </a:ext>
            </a:extLst>
          </p:cNvPr>
          <p:cNvSpPr>
            <a:spLocks noChangeArrowheads="1"/>
          </p:cNvSpPr>
          <p:nvPr/>
        </p:nvSpPr>
        <p:spPr bwMode="auto">
          <a:xfrm>
            <a:off x="1116013" y="5030788"/>
            <a:ext cx="1641475" cy="198437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ひび割れ発生の監視</a:t>
            </a:r>
          </a:p>
        </p:txBody>
      </p:sp>
      <p:sp>
        <p:nvSpPr>
          <p:cNvPr id="6210" name="_s197661">
            <a:extLst>
              <a:ext uri="{FF2B5EF4-FFF2-40B4-BE49-F238E27FC236}">
                <a16:creationId xmlns:a16="http://schemas.microsoft.com/office/drawing/2014/main" id="{A013442B-7527-E2C6-C982-36C04D0DD360}"/>
              </a:ext>
            </a:extLst>
          </p:cNvPr>
          <p:cNvSpPr>
            <a:spLocks noChangeArrowheads="1"/>
          </p:cNvSpPr>
          <p:nvPr/>
        </p:nvSpPr>
        <p:spPr bwMode="auto">
          <a:xfrm>
            <a:off x="5867400" y="5354638"/>
            <a:ext cx="1020763" cy="2032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鉄筋腐食調査</a:t>
            </a:r>
          </a:p>
        </p:txBody>
      </p:sp>
      <p:sp>
        <p:nvSpPr>
          <p:cNvPr id="6211" name="フリーフォーム 102">
            <a:extLst>
              <a:ext uri="{FF2B5EF4-FFF2-40B4-BE49-F238E27FC236}">
                <a16:creationId xmlns:a16="http://schemas.microsoft.com/office/drawing/2014/main" id="{DF73C204-51E3-E486-05DC-2EDDE6EBC29A}"/>
              </a:ext>
            </a:extLst>
          </p:cNvPr>
          <p:cNvSpPr>
            <a:spLocks/>
          </p:cNvSpPr>
          <p:nvPr/>
        </p:nvSpPr>
        <p:spPr bwMode="auto">
          <a:xfrm flipH="1">
            <a:off x="5435600" y="5210175"/>
            <a:ext cx="214313" cy="504825"/>
          </a:xfrm>
          <a:custGeom>
            <a:avLst/>
            <a:gdLst>
              <a:gd name="T0" fmla="*/ 68329 w 196850"/>
              <a:gd name="T1" fmla="*/ 0 h 266700"/>
              <a:gd name="T2" fmla="*/ 0 w 196850"/>
              <a:gd name="T3" fmla="*/ 0 h 266700"/>
              <a:gd name="T4" fmla="*/ 0 w 196850"/>
              <a:gd name="T5" fmla="*/ 78134485 h 266700"/>
              <a:gd name="T6" fmla="*/ 68329 w 196850"/>
              <a:gd name="T7" fmla="*/ 78134485 h 266700"/>
              <a:gd name="T8" fmla="*/ 0 60000 65536"/>
              <a:gd name="T9" fmla="*/ 0 60000 65536"/>
              <a:gd name="T10" fmla="*/ 0 60000 65536"/>
              <a:gd name="T11" fmla="*/ 0 60000 65536"/>
              <a:gd name="T12" fmla="*/ 0 w 196850"/>
              <a:gd name="T13" fmla="*/ 0 h 266700"/>
              <a:gd name="T14" fmla="*/ 196850 w 196850"/>
              <a:gd name="T15" fmla="*/ 266700 h 2667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196850" h="266700">
                <a:moveTo>
                  <a:pt x="196850" y="0"/>
                </a:moveTo>
                <a:lnTo>
                  <a:pt x="0" y="0"/>
                </a:lnTo>
                <a:lnTo>
                  <a:pt x="0" y="266700"/>
                </a:lnTo>
                <a:lnTo>
                  <a:pt x="196850" y="266700"/>
                </a:lnTo>
              </a:path>
            </a:pathLst>
          </a:cu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anchor="ctr"/>
          <a:lstStyle/>
          <a:p>
            <a:pPr>
              <a:defRPr/>
            </a:pPr>
            <a:endParaRPr lang="ja-JP" altLang="en-US"/>
          </a:p>
        </p:txBody>
      </p:sp>
      <p:cxnSp>
        <p:nvCxnSpPr>
          <p:cNvPr id="6212" name="直線コネクタ 103">
            <a:extLst>
              <a:ext uri="{FF2B5EF4-FFF2-40B4-BE49-F238E27FC236}">
                <a16:creationId xmlns:a16="http://schemas.microsoft.com/office/drawing/2014/main" id="{6B07D860-9AD8-DAD6-5597-1B1FB2824153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5649913" y="5497513"/>
            <a:ext cx="217487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13" name="直線コネクタ 105">
            <a:extLst>
              <a:ext uri="{FF2B5EF4-FFF2-40B4-BE49-F238E27FC236}">
                <a16:creationId xmlns:a16="http://schemas.microsoft.com/office/drawing/2014/main" id="{60A59005-9A1E-D844-0A7B-C0DC152536FF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2268538" y="5521325"/>
            <a:ext cx="2079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14" name="_s197661">
            <a:extLst>
              <a:ext uri="{FF2B5EF4-FFF2-40B4-BE49-F238E27FC236}">
                <a16:creationId xmlns:a16="http://schemas.microsoft.com/office/drawing/2014/main" id="{10153462-86A3-8A90-EE93-E43F5DF12551}"/>
              </a:ext>
            </a:extLst>
          </p:cNvPr>
          <p:cNvSpPr>
            <a:spLocks noChangeArrowheads="1"/>
          </p:cNvSpPr>
          <p:nvPr/>
        </p:nvSpPr>
        <p:spPr bwMode="auto">
          <a:xfrm>
            <a:off x="749300" y="5372100"/>
            <a:ext cx="1497013" cy="241300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ひび割れ進展調査</a:t>
            </a:r>
          </a:p>
        </p:txBody>
      </p:sp>
      <p:cxnSp>
        <p:nvCxnSpPr>
          <p:cNvPr id="6215" name="直線コネクタ 108">
            <a:extLst>
              <a:ext uri="{FF2B5EF4-FFF2-40B4-BE49-F238E27FC236}">
                <a16:creationId xmlns:a16="http://schemas.microsoft.com/office/drawing/2014/main" id="{056D1272-22BC-B89D-F7A6-B4285CC1C71C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2373313" y="5859463"/>
            <a:ext cx="2079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16" name="_s197661">
            <a:extLst>
              <a:ext uri="{FF2B5EF4-FFF2-40B4-BE49-F238E27FC236}">
                <a16:creationId xmlns:a16="http://schemas.microsoft.com/office/drawing/2014/main" id="{481A892C-F1CF-C10C-C015-4370B003D0D0}"/>
              </a:ext>
            </a:extLst>
          </p:cNvPr>
          <p:cNvSpPr>
            <a:spLocks noChangeArrowheads="1"/>
          </p:cNvSpPr>
          <p:nvPr/>
        </p:nvSpPr>
        <p:spPr bwMode="auto">
          <a:xfrm>
            <a:off x="638175" y="5695950"/>
            <a:ext cx="1719263" cy="439738"/>
          </a:xfrm>
          <a:prstGeom prst="cube">
            <a:avLst>
              <a:gd name="adj" fmla="val 2601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鉄筋径推定</a:t>
            </a:r>
          </a:p>
          <a:p>
            <a:pPr>
              <a:defRPr/>
            </a:pPr>
            <a:r>
              <a:rPr lang="ja-JP" altLang="en-US" sz="1200" dirty="0"/>
              <a:t>豆板・空洞調査</a:t>
            </a:r>
          </a:p>
        </p:txBody>
      </p:sp>
      <p:sp>
        <p:nvSpPr>
          <p:cNvPr id="6217" name="フリーフォーム 110">
            <a:extLst>
              <a:ext uri="{FF2B5EF4-FFF2-40B4-BE49-F238E27FC236}">
                <a16:creationId xmlns:a16="http://schemas.microsoft.com/office/drawing/2014/main" id="{DC0F6547-7D9C-84A7-207A-EBF65109C6A0}"/>
              </a:ext>
            </a:extLst>
          </p:cNvPr>
          <p:cNvSpPr>
            <a:spLocks/>
          </p:cNvSpPr>
          <p:nvPr/>
        </p:nvSpPr>
        <p:spPr bwMode="auto">
          <a:xfrm flipH="1">
            <a:off x="3940175" y="4221163"/>
            <a:ext cx="184150" cy="1619250"/>
          </a:xfrm>
          <a:custGeom>
            <a:avLst/>
            <a:gdLst>
              <a:gd name="T0" fmla="*/ 0 w 184150"/>
              <a:gd name="T1" fmla="*/ 0 h 1619250"/>
              <a:gd name="T2" fmla="*/ 0 w 184150"/>
              <a:gd name="T3" fmla="*/ 1619250 h 1619250"/>
              <a:gd name="T4" fmla="*/ 184150 w 184150"/>
              <a:gd name="T5" fmla="*/ 1619250 h 1619250"/>
              <a:gd name="T6" fmla="*/ 0 60000 65536"/>
              <a:gd name="T7" fmla="*/ 0 60000 65536"/>
              <a:gd name="T8" fmla="*/ 0 60000 65536"/>
              <a:gd name="T9" fmla="*/ 0 w 184150"/>
              <a:gd name="T10" fmla="*/ 0 h 1619250"/>
              <a:gd name="T11" fmla="*/ 184150 w 184150"/>
              <a:gd name="T12" fmla="*/ 1619250 h 1619250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184150" h="1619250">
                <a:moveTo>
                  <a:pt x="0" y="0"/>
                </a:moveTo>
                <a:lnTo>
                  <a:pt x="0" y="1619250"/>
                </a:lnTo>
                <a:lnTo>
                  <a:pt x="184150" y="1619250"/>
                </a:lnTo>
              </a:path>
            </a:pathLst>
          </a:cu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anchor="ctr"/>
          <a:lstStyle/>
          <a:p>
            <a:pPr>
              <a:defRPr/>
            </a:pPr>
            <a:endParaRPr lang="ja-JP" altLang="en-US"/>
          </a:p>
        </p:txBody>
      </p:sp>
      <p:sp>
        <p:nvSpPr>
          <p:cNvPr id="6218" name="_s197667">
            <a:extLst>
              <a:ext uri="{FF2B5EF4-FFF2-40B4-BE49-F238E27FC236}">
                <a16:creationId xmlns:a16="http://schemas.microsoft.com/office/drawing/2014/main" id="{7DF4FAD5-F924-5335-98D2-89E63DDD0F19}"/>
              </a:ext>
            </a:extLst>
          </p:cNvPr>
          <p:cNvSpPr>
            <a:spLocks noChangeArrowheads="1"/>
          </p:cNvSpPr>
          <p:nvPr/>
        </p:nvSpPr>
        <p:spPr bwMode="auto">
          <a:xfrm>
            <a:off x="2581275" y="5695950"/>
            <a:ext cx="1385888" cy="30638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82296" tIns="41148" rIns="82296" bIns="41148" anchor="ctr"/>
          <a:lstStyle/>
          <a:p>
            <a:pPr>
              <a:defRPr/>
            </a:pPr>
            <a:r>
              <a:rPr lang="ja-JP" altLang="en-US" sz="1200" dirty="0"/>
              <a:t>放射線透過試験</a:t>
            </a:r>
          </a:p>
        </p:txBody>
      </p:sp>
      <p:cxnSp>
        <p:nvCxnSpPr>
          <p:cNvPr id="6219" name="直線コネクタ 112">
            <a:extLst>
              <a:ext uri="{FF2B5EF4-FFF2-40B4-BE49-F238E27FC236}">
                <a16:creationId xmlns:a16="http://schemas.microsoft.com/office/drawing/2014/main" id="{62414F62-E827-6BBE-62A9-3CCCF6CFDDD9}"/>
              </a:ext>
            </a:extLst>
          </p:cNvPr>
          <p:cNvCxnSpPr>
            <a:cxnSpLocks noChangeShapeType="1"/>
            <a:stCxn id="6178" idx="5"/>
          </p:cNvCxnSpPr>
          <p:nvPr/>
        </p:nvCxnSpPr>
        <p:spPr bwMode="auto">
          <a:xfrm flipV="1">
            <a:off x="3967163" y="5124450"/>
            <a:ext cx="161925" cy="1588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20" name="直線コネクタ 114">
            <a:extLst>
              <a:ext uri="{FF2B5EF4-FFF2-40B4-BE49-F238E27FC236}">
                <a16:creationId xmlns:a16="http://schemas.microsoft.com/office/drawing/2014/main" id="{5119A834-13B2-10D4-F565-1286B7E49BA5}"/>
              </a:ext>
            </a:extLst>
          </p:cNvPr>
          <p:cNvCxnSpPr>
            <a:cxnSpLocks noChangeShapeType="1"/>
          </p:cNvCxnSpPr>
          <p:nvPr/>
        </p:nvCxnSpPr>
        <p:spPr bwMode="auto">
          <a:xfrm flipV="1">
            <a:off x="3967163" y="5480050"/>
            <a:ext cx="161925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21" name="フリーフォーム 115">
            <a:extLst>
              <a:ext uri="{FF2B5EF4-FFF2-40B4-BE49-F238E27FC236}">
                <a16:creationId xmlns:a16="http://schemas.microsoft.com/office/drawing/2014/main" id="{AEDC8E01-AF71-3617-D595-6C4CC6A8E7AA}"/>
              </a:ext>
            </a:extLst>
          </p:cNvPr>
          <p:cNvSpPr>
            <a:spLocks/>
          </p:cNvSpPr>
          <p:nvPr/>
        </p:nvSpPr>
        <p:spPr bwMode="auto">
          <a:xfrm>
            <a:off x="3281363" y="2903538"/>
            <a:ext cx="163512" cy="1133475"/>
          </a:xfrm>
          <a:custGeom>
            <a:avLst/>
            <a:gdLst>
              <a:gd name="T0" fmla="*/ 0 w 162685"/>
              <a:gd name="T1" fmla="*/ 1135813 h 1133183"/>
              <a:gd name="T2" fmla="*/ 164410 w 162685"/>
              <a:gd name="T3" fmla="*/ 1135813 h 1133183"/>
              <a:gd name="T4" fmla="*/ 170281 w 162685"/>
              <a:gd name="T5" fmla="*/ 0 h 1133183"/>
              <a:gd name="T6" fmla="*/ 0 60000 65536"/>
              <a:gd name="T7" fmla="*/ 0 60000 65536"/>
              <a:gd name="T8" fmla="*/ 0 60000 65536"/>
              <a:gd name="T9" fmla="*/ 0 w 162685"/>
              <a:gd name="T10" fmla="*/ 0 h 1133183"/>
              <a:gd name="T11" fmla="*/ 162685 w 162685"/>
              <a:gd name="T12" fmla="*/ 1133183 h 1133183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162685" h="1133183">
                <a:moveTo>
                  <a:pt x="0" y="1133183"/>
                </a:moveTo>
                <a:lnTo>
                  <a:pt x="157075" y="1133183"/>
                </a:lnTo>
                <a:lnTo>
                  <a:pt x="162685" y="0"/>
                </a:lnTo>
              </a:path>
            </a:pathLst>
          </a:cu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anchor="ctr"/>
          <a:lstStyle/>
          <a:p>
            <a:pPr>
              <a:defRPr/>
            </a:pPr>
            <a:endParaRPr lang="ja-JP" altLang="en-US"/>
          </a:p>
        </p:txBody>
      </p:sp>
      <p:cxnSp>
        <p:nvCxnSpPr>
          <p:cNvPr id="6222" name="直線コネクタ 117">
            <a:extLst>
              <a:ext uri="{FF2B5EF4-FFF2-40B4-BE49-F238E27FC236}">
                <a16:creationId xmlns:a16="http://schemas.microsoft.com/office/drawing/2014/main" id="{40ACB547-EA9C-1ABE-9EF4-E41317A97129}"/>
              </a:ext>
            </a:extLst>
          </p:cNvPr>
          <p:cNvCxnSpPr>
            <a:cxnSpLocks noChangeShapeType="1"/>
            <a:stCxn id="6170" idx="5"/>
          </p:cNvCxnSpPr>
          <p:nvPr/>
        </p:nvCxnSpPr>
        <p:spPr bwMode="auto">
          <a:xfrm flipV="1">
            <a:off x="3287713" y="3127375"/>
            <a:ext cx="161925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23" name="直線コネクタ 118">
            <a:extLst>
              <a:ext uri="{FF2B5EF4-FFF2-40B4-BE49-F238E27FC236}">
                <a16:creationId xmlns:a16="http://schemas.microsoft.com/office/drawing/2014/main" id="{1BB9EF14-92C9-3424-A385-9E015C423351}"/>
              </a:ext>
            </a:extLst>
          </p:cNvPr>
          <p:cNvCxnSpPr>
            <a:cxnSpLocks noChangeShapeType="1"/>
          </p:cNvCxnSpPr>
          <p:nvPr/>
        </p:nvCxnSpPr>
        <p:spPr bwMode="auto">
          <a:xfrm flipV="1">
            <a:off x="3287713" y="3671888"/>
            <a:ext cx="161925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24" name="_s197644">
            <a:extLst>
              <a:ext uri="{FF2B5EF4-FFF2-40B4-BE49-F238E27FC236}">
                <a16:creationId xmlns:a16="http://schemas.microsoft.com/office/drawing/2014/main" id="{AD6CAE56-6036-A7F4-A0EA-9351A9EA4619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5327650" y="3716338"/>
            <a:ext cx="180975" cy="730250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25" name="_s197657">
            <a:extLst>
              <a:ext uri="{FF2B5EF4-FFF2-40B4-BE49-F238E27FC236}">
                <a16:creationId xmlns:a16="http://schemas.microsoft.com/office/drawing/2014/main" id="{E8D57666-B275-56BD-4457-1B897BD00AE6}"/>
              </a:ext>
            </a:extLst>
          </p:cNvPr>
          <p:cNvSpPr>
            <a:spLocks noChangeArrowheads="1"/>
          </p:cNvSpPr>
          <p:nvPr/>
        </p:nvSpPr>
        <p:spPr bwMode="auto">
          <a:xfrm>
            <a:off x="4427538" y="6021388"/>
            <a:ext cx="1222375" cy="306387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18599" tIns="9301" rIns="18599" bIns="9301" anchor="ctr"/>
          <a:lstStyle/>
          <a:p>
            <a:pPr>
              <a:defRPr/>
            </a:pPr>
            <a:r>
              <a:rPr lang="ja-JP" altLang="en-US" sz="1200" dirty="0"/>
              <a:t>応力（ひずみ）測定</a:t>
            </a:r>
          </a:p>
        </p:txBody>
      </p:sp>
      <p:cxnSp>
        <p:nvCxnSpPr>
          <p:cNvPr id="6226" name="_s197647">
            <a:extLst>
              <a:ext uri="{FF2B5EF4-FFF2-40B4-BE49-F238E27FC236}">
                <a16:creationId xmlns:a16="http://schemas.microsoft.com/office/drawing/2014/main" id="{19AF85A9-BEE5-86CC-0452-07B473ECB85A}"/>
              </a:ext>
            </a:extLst>
          </p:cNvPr>
          <p:cNvCxnSpPr>
            <a:cxnSpLocks noChangeShapeType="1"/>
          </p:cNvCxnSpPr>
          <p:nvPr/>
        </p:nvCxnSpPr>
        <p:spPr bwMode="auto">
          <a:xfrm flipV="1">
            <a:off x="3933825" y="5048250"/>
            <a:ext cx="192088" cy="1189038"/>
          </a:xfrm>
          <a:prstGeom prst="bentConnector2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27" name="_s197657">
            <a:extLst>
              <a:ext uri="{FF2B5EF4-FFF2-40B4-BE49-F238E27FC236}">
                <a16:creationId xmlns:a16="http://schemas.microsoft.com/office/drawing/2014/main" id="{C3429335-0045-1280-98BC-0189C92D508E}"/>
              </a:ext>
            </a:extLst>
          </p:cNvPr>
          <p:cNvSpPr>
            <a:spLocks noChangeArrowheads="1"/>
          </p:cNvSpPr>
          <p:nvPr/>
        </p:nvSpPr>
        <p:spPr bwMode="auto">
          <a:xfrm>
            <a:off x="2581275" y="6135688"/>
            <a:ext cx="1385888" cy="274637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18599" tIns="9301" rIns="18599" bIns="9301" anchor="ctr"/>
          <a:lstStyle/>
          <a:p>
            <a:pPr>
              <a:defRPr/>
            </a:pPr>
            <a:r>
              <a:rPr lang="ja-JP" altLang="en-US" sz="1200" dirty="0"/>
              <a:t>振動・たわみ測定</a:t>
            </a:r>
          </a:p>
        </p:txBody>
      </p:sp>
      <p:cxnSp>
        <p:nvCxnSpPr>
          <p:cNvPr id="6228" name="直線コネクタ 77">
            <a:extLst>
              <a:ext uri="{FF2B5EF4-FFF2-40B4-BE49-F238E27FC236}">
                <a16:creationId xmlns:a16="http://schemas.microsoft.com/office/drawing/2014/main" id="{E6AED36F-8BEF-3D66-4CAA-1452D57CBEAA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2741613" y="1916113"/>
            <a:ext cx="207962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229" name="_s197661">
            <a:extLst>
              <a:ext uri="{FF2B5EF4-FFF2-40B4-BE49-F238E27FC236}">
                <a16:creationId xmlns:a16="http://schemas.microsoft.com/office/drawing/2014/main" id="{BDA5315E-3397-F8B7-E056-850FD91D6424}"/>
              </a:ext>
            </a:extLst>
          </p:cNvPr>
          <p:cNvSpPr>
            <a:spLocks noChangeArrowheads="1"/>
          </p:cNvSpPr>
          <p:nvPr/>
        </p:nvSpPr>
        <p:spPr bwMode="auto">
          <a:xfrm>
            <a:off x="1736725" y="1817688"/>
            <a:ext cx="1020763" cy="214312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1200" dirty="0"/>
              <a:t>画像解析法等</a:t>
            </a:r>
          </a:p>
        </p:txBody>
      </p:sp>
      <p:sp>
        <p:nvSpPr>
          <p:cNvPr id="6230" name="_s197661">
            <a:extLst>
              <a:ext uri="{FF2B5EF4-FFF2-40B4-BE49-F238E27FC236}">
                <a16:creationId xmlns:a16="http://schemas.microsoft.com/office/drawing/2014/main" id="{C07D83EF-F5B3-636D-2ABA-46E0E89DC400}"/>
              </a:ext>
            </a:extLst>
          </p:cNvPr>
          <p:cNvSpPr>
            <a:spLocks noChangeArrowheads="1"/>
          </p:cNvSpPr>
          <p:nvPr/>
        </p:nvSpPr>
        <p:spPr bwMode="auto">
          <a:xfrm>
            <a:off x="5508625" y="4292600"/>
            <a:ext cx="1020763" cy="287338"/>
          </a:xfrm>
          <a:prstGeom prst="cube">
            <a:avLst>
              <a:gd name="adj" fmla="val 10764"/>
            </a:avLst>
          </a:prstGeom>
          <a:ln>
            <a:headEnd/>
            <a:tailEnd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49322" tIns="24662" rIns="49322" bIns="24662" anchor="ctr"/>
          <a:lstStyle/>
          <a:p>
            <a:pPr>
              <a:defRPr/>
            </a:pPr>
            <a:r>
              <a:rPr lang="ja-JP" altLang="en-US" sz="900"/>
              <a:t>内部調査（</a:t>
            </a:r>
            <a:r>
              <a:rPr lang="en-US" altLang="ja-JP" sz="900"/>
              <a:t>μ</a:t>
            </a:r>
            <a:r>
              <a:rPr lang="ja-JP" altLang="en-US" sz="900"/>
              <a:t>カメラ）</a:t>
            </a:r>
          </a:p>
        </p:txBody>
      </p:sp>
      <p:cxnSp>
        <p:nvCxnSpPr>
          <p:cNvPr id="6231" name="直線コネクタ 103">
            <a:extLst>
              <a:ext uri="{FF2B5EF4-FFF2-40B4-BE49-F238E27FC236}">
                <a16:creationId xmlns:a16="http://schemas.microsoft.com/office/drawing/2014/main" id="{C0BD8F69-31AC-F968-BB79-35AF8DA968A5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4140200" y="5281613"/>
            <a:ext cx="287338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32" name="直線コネクタ 103">
            <a:extLst>
              <a:ext uri="{FF2B5EF4-FFF2-40B4-BE49-F238E27FC236}">
                <a16:creationId xmlns:a16="http://schemas.microsoft.com/office/drawing/2014/main" id="{45481BB7-8440-812F-81ED-71315F1672C1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4140200" y="5784850"/>
            <a:ext cx="287338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9001" name="Text Box 108">
            <a:extLst>
              <a:ext uri="{FF2B5EF4-FFF2-40B4-BE49-F238E27FC236}">
                <a16:creationId xmlns:a16="http://schemas.microsoft.com/office/drawing/2014/main" id="{C0DA79BD-C6BD-C959-4174-EBB290A8706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284663" y="5353050"/>
            <a:ext cx="1389062" cy="244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algn="l" eaLnBrk="0" hangingPunct="0"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 algn="l" eaLnBrk="0" hangingPunct="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 algn="l" eaLnBrk="0" hangingPunct="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 algn="l" eaLnBrk="0" hangingPunct="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 algn="l" eaLnBrk="0" hangingPunct="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1000">
                <a:latin typeface="Arial" panose="020B0604020202020204" pitchFamily="34" charset="0"/>
              </a:rPr>
              <a:t>＊一部微破壊を含む。</a:t>
            </a:r>
          </a:p>
        </p:txBody>
      </p:sp>
      <p:cxnSp>
        <p:nvCxnSpPr>
          <p:cNvPr id="6234" name="直線コネクタ 103">
            <a:extLst>
              <a:ext uri="{FF2B5EF4-FFF2-40B4-BE49-F238E27FC236}">
                <a16:creationId xmlns:a16="http://schemas.microsoft.com/office/drawing/2014/main" id="{43CB0C05-7F1C-693C-CAFE-53EF84AB821F}"/>
              </a:ext>
            </a:extLst>
          </p:cNvPr>
          <p:cNvCxnSpPr>
            <a:cxnSpLocks noChangeShapeType="1"/>
          </p:cNvCxnSpPr>
          <p:nvPr/>
        </p:nvCxnSpPr>
        <p:spPr bwMode="auto">
          <a:xfrm rot="10800000">
            <a:off x="4140200" y="6237288"/>
            <a:ext cx="287338" cy="0"/>
          </a:xfrm>
          <a:prstGeom prst="line">
            <a:avLst/>
          </a:prstGeom>
          <a:ln>
            <a:headEnd/>
            <a:tailEnd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39003" name="Text Box 110">
            <a:extLst>
              <a:ext uri="{FF2B5EF4-FFF2-40B4-BE49-F238E27FC236}">
                <a16:creationId xmlns:a16="http://schemas.microsoft.com/office/drawing/2014/main" id="{D906CD90-77B3-1AC7-DF21-92F3D14BD7D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427538" y="6308725"/>
            <a:ext cx="1592262" cy="244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algn="l" eaLnBrk="0" hangingPunct="0"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 algn="l" eaLnBrk="0" hangingPunct="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 algn="l" eaLnBrk="0" hangingPunct="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 algn="l" eaLnBrk="0" hangingPunct="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 algn="l" eaLnBrk="0" hangingPunct="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1000">
                <a:latin typeface="Arial" panose="020B0604020202020204" pitchFamily="34" charset="0"/>
              </a:rPr>
              <a:t>＊破壊を含む場合もある。</a:t>
            </a:r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スライド番号プレースホルダ 3">
            <a:extLst>
              <a:ext uri="{FF2B5EF4-FFF2-40B4-BE49-F238E27FC236}">
                <a16:creationId xmlns:a16="http://schemas.microsoft.com/office/drawing/2014/main" id="{B4AF6B03-0A84-4ACC-4854-D9A3BC79D2B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lnSpc>
                <a:spcPct val="90000"/>
              </a:lnSpc>
              <a:spcBef>
                <a:spcPts val="563"/>
              </a:spcBef>
              <a:buFont typeface="Wingdings 2" panose="05020102010507070707" pitchFamily="18" charset="2"/>
              <a:buChar char=""/>
              <a:defRPr kumimoji="1" sz="1575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557213" indent="-214313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857250" indent="-171450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1125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200150" indent="-171450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1543050" indent="-171450">
              <a:lnSpc>
                <a:spcPct val="90000"/>
              </a:lnSpc>
              <a:spcBef>
                <a:spcPts val="281"/>
              </a:spcBef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1885950" indent="-171450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228850" indent="-171450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2571750" indent="-171450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2914650" indent="-171450" eaLnBrk="0" fontAlgn="base" hangingPunct="0">
              <a:lnSpc>
                <a:spcPct val="90000"/>
              </a:lnSpc>
              <a:spcBef>
                <a:spcPts val="281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975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lnSpc>
                <a:spcPct val="100000"/>
              </a:lnSpc>
              <a:spcBef>
                <a:spcPct val="0"/>
              </a:spcBef>
              <a:buFontTx/>
              <a:buNone/>
            </a:pPr>
            <a:fld id="{28E88AB7-F76B-4ACE-AED5-325010E17F72}" type="slidenum">
              <a:rPr kumimoji="0" lang="ja-JP" altLang="en-US" sz="1050">
                <a:latin typeface="Tahoma" panose="020B0604030504040204" pitchFamily="34" charset="0"/>
              </a:rPr>
              <a:pPr>
                <a:lnSpc>
                  <a:spcPct val="100000"/>
                </a:lnSpc>
                <a:spcBef>
                  <a:spcPct val="0"/>
                </a:spcBef>
                <a:buFontTx/>
                <a:buNone/>
              </a:pPr>
              <a:t>5</a:t>
            </a:fld>
            <a:endParaRPr kumimoji="0" lang="ja-JP" altLang="en-US" sz="1050">
              <a:latin typeface="Tahoma" panose="020B0604030504040204" pitchFamily="34" charset="0"/>
            </a:endParaRPr>
          </a:p>
        </p:txBody>
      </p:sp>
      <p:sp>
        <p:nvSpPr>
          <p:cNvPr id="66563" name="Rectangle 2">
            <a:extLst>
              <a:ext uri="{FF2B5EF4-FFF2-40B4-BE49-F238E27FC236}">
                <a16:creationId xmlns:a16="http://schemas.microsoft.com/office/drawing/2014/main" id="{0E20EB7E-1FD7-61E4-54E0-50C14582555A}"/>
              </a:ext>
            </a:extLst>
          </p:cNvPr>
          <p:cNvSpPr>
            <a:spLocks noChangeArrowheads="1"/>
          </p:cNvSpPr>
          <p:nvPr/>
        </p:nvSpPr>
        <p:spPr bwMode="auto">
          <a:xfrm>
            <a:off x="1404257" y="910022"/>
            <a:ext cx="7556863" cy="56553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lnSpc>
                <a:spcPct val="90000"/>
              </a:lnSpc>
              <a:spcBef>
                <a:spcPts val="750"/>
              </a:spcBef>
              <a:buFont typeface="Wingdings 2" panose="05020102010507070707" pitchFamily="18" charset="2"/>
              <a:buChar char=""/>
              <a:defRPr kumimoji="1" sz="21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5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lnSpc>
                <a:spcPct val="90000"/>
              </a:lnSpc>
              <a:spcBef>
                <a:spcPts val="375"/>
              </a:spcBef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lnSpc>
                <a:spcPct val="90000"/>
              </a:lnSpc>
              <a:spcBef>
                <a:spcPts val="375"/>
              </a:spcBef>
              <a:spcAft>
                <a:spcPct val="0"/>
              </a:spcAft>
              <a:buFont typeface="Wingdings 2" panose="05020102010507070707" pitchFamily="18" charset="2"/>
              <a:buChar char=""/>
              <a:defRPr kumimoji="1" sz="13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本州四国連絡橋　瀬戸大橋（南北備讃瀬戸大橋・岩黒・櫃石島橋、与島高架橋等）</a:t>
            </a:r>
            <a:endParaRPr lang="en-US" altLang="ja-JP" sz="15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5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　　　　　　　明石海峡大橋　等</a:t>
            </a:r>
            <a:endParaRPr lang="en-US" altLang="ja-JP" sz="15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eaLnBrk="1" hangingPunct="1"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大臣官房　技術調査課　　⇒　戸谷さんに、多大なるお世話になる</a:t>
            </a:r>
          </a:p>
          <a:p>
            <a:pPr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　</a:t>
            </a: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施工新技術総合プロジェクト　⇒自動化施工、施工合理化</a:t>
            </a:r>
          </a:p>
          <a:p>
            <a:pPr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　</a:t>
            </a: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構造物設計標準化　⇒　設計施工生産性向上　</a:t>
            </a:r>
            <a:endParaRPr lang="en-US" altLang="ja-JP" sz="1800" b="1" dirty="0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　</a:t>
            </a: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技術審査証明事業、技術評価事業　⇒旧大臣認定、新技術の評価</a:t>
            </a:r>
          </a:p>
          <a:p>
            <a:pPr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道路局　</a:t>
            </a:r>
          </a:p>
          <a:p>
            <a:pPr>
              <a:lnSpc>
                <a:spcPct val="100000"/>
              </a:lnSpc>
              <a:spcBef>
                <a:spcPct val="50000"/>
              </a:spcBef>
              <a:buNone/>
            </a:pP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　建設コスト内外価格差　（日米建設コスト差はなぜ起こるか？）</a:t>
            </a:r>
            <a:endParaRPr lang="en-US" altLang="ja-JP" sz="1800" b="1" dirty="0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　兵庫県南部地震道路橋震災対策委員会　⇒　復旧仕様、</a:t>
            </a:r>
            <a:r>
              <a:rPr lang="en-US" altLang="ja-JP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H8</a:t>
            </a: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示方書</a:t>
            </a:r>
            <a:endParaRPr lang="en-US" altLang="ja-JP" sz="1800" b="1" dirty="0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　「道路橋耐震設計ガイドブック」　⇒国土交通省職員向け　　　　　　　　　　　　　</a:t>
            </a:r>
            <a:endParaRPr lang="en-US" altLang="ja-JP" sz="18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　</a:t>
            </a: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鋼橋積算体系　大改定　⇒　コスト縮減</a:t>
            </a: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</a:t>
            </a:r>
            <a:endParaRPr lang="en-US" altLang="ja-JP" sz="18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　木橋技術基準策定　⇒環境問題、林野庁と合同、杉の需要拡大</a:t>
            </a:r>
            <a:endParaRPr lang="en-US" altLang="ja-JP" sz="18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00000"/>
              </a:lnSpc>
              <a:spcBef>
                <a:spcPct val="50000"/>
              </a:spcBef>
              <a:buFontTx/>
              <a:buNone/>
            </a:pP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韓国　テグ～ﾌﾞｻﾝ高速道路</a:t>
            </a:r>
            <a:r>
              <a:rPr lang="en-US" altLang="ja-JP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PFI</a:t>
            </a: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事業　⇒</a:t>
            </a:r>
            <a:r>
              <a:rPr lang="en-US" altLang="ja-JP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PPP/PFI</a:t>
            </a: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、</a:t>
            </a:r>
            <a:r>
              <a:rPr lang="en-US" altLang="ja-JP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CM</a:t>
            </a:r>
            <a:r>
              <a:rPr lang="ja-JP" altLang="en-US" sz="1800" b="1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　マネジャー　　　　　　　　　　</a:t>
            </a:r>
            <a:endParaRPr lang="ja-JP" altLang="en-US" sz="1500" b="1" dirty="0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>
              <a:lnSpc>
                <a:spcPct val="100000"/>
              </a:lnSpc>
              <a:spcBef>
                <a:spcPct val="50000"/>
              </a:spcBef>
              <a:buFontTx/>
              <a:buNone/>
            </a:pPr>
            <a:endParaRPr lang="ja-JP" altLang="en-US" sz="18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66564" name="テキスト ボックス 1">
            <a:extLst>
              <a:ext uri="{FF2B5EF4-FFF2-40B4-BE49-F238E27FC236}">
                <a16:creationId xmlns:a16="http://schemas.microsoft.com/office/drawing/2014/main" id="{31B4CD4C-8CB9-DB13-DF02-A3558663E7A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874894" y="448357"/>
            <a:ext cx="3570208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lang="ja-JP" altLang="en-US" sz="2400" dirty="0"/>
              <a:t>植野の主　要　実　績　</a:t>
            </a:r>
          </a:p>
        </p:txBody>
      </p:sp>
      <p:sp>
        <p:nvSpPr>
          <p:cNvPr id="2" name="左中かっこ 1">
            <a:extLst>
              <a:ext uri="{FF2B5EF4-FFF2-40B4-BE49-F238E27FC236}">
                <a16:creationId xmlns:a16="http://schemas.microsoft.com/office/drawing/2014/main" id="{90B1694A-D1B6-9AA8-DE9D-357422CA9879}"/>
              </a:ext>
            </a:extLst>
          </p:cNvPr>
          <p:cNvSpPr/>
          <p:nvPr/>
        </p:nvSpPr>
        <p:spPr>
          <a:xfrm>
            <a:off x="832758" y="1665514"/>
            <a:ext cx="444784" cy="4083777"/>
          </a:xfrm>
          <a:prstGeom prst="leftBrace">
            <a:avLst/>
          </a:prstGeom>
          <a:ln w="571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ja-JP" altLang="en-US" sz="1350" dirty="0"/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F4C247DB-4753-DC57-CC25-8506F04BC357}"/>
              </a:ext>
            </a:extLst>
          </p:cNvPr>
          <p:cNvSpPr txBox="1"/>
          <p:nvPr/>
        </p:nvSpPr>
        <p:spPr>
          <a:xfrm>
            <a:off x="387311" y="2903220"/>
            <a:ext cx="294561" cy="17081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100" b="1" dirty="0"/>
              <a:t>政策的業務</a:t>
            </a:r>
          </a:p>
        </p:txBody>
      </p:sp>
    </p:spTree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スライド番号プレースホルダー 1">
            <a:extLst>
              <a:ext uri="{FF2B5EF4-FFF2-40B4-BE49-F238E27FC236}">
                <a16:creationId xmlns:a16="http://schemas.microsoft.com/office/drawing/2014/main" id="{F92E775F-2CE6-63EA-957C-9D2556687845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0A5A78F0-FD97-4B89-86C0-545B2A1B7492}" type="slidenum">
              <a:rPr lang="ja-JP" altLang="en-US" sz="1200" smtClean="0">
                <a:solidFill>
                  <a:srgbClr val="898989"/>
                </a:solidFill>
                <a:latin typeface="Arial" panose="020B0604020202020204" pitchFamily="34" charset="0"/>
              </a:rPr>
              <a:pPr>
                <a:spcBef>
                  <a:spcPct val="0"/>
                </a:spcBef>
                <a:buFontTx/>
                <a:buNone/>
              </a:pPr>
              <a:t>50</a:t>
            </a:fld>
            <a:endParaRPr lang="en-US" altLang="ja-JP" sz="12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  <p:pic>
        <p:nvPicPr>
          <p:cNvPr id="23555" name="Picture 2" descr="F:\九頭竜\DSC00251.JPG">
            <a:extLst>
              <a:ext uri="{FF2B5EF4-FFF2-40B4-BE49-F238E27FC236}">
                <a16:creationId xmlns:a16="http://schemas.microsoft.com/office/drawing/2014/main" id="{8B555882-FBDF-12E4-BFB5-9B8553A08F5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4746625" cy="35591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556" name="Picture 5" descr="F:\九頭竜\DSC00267.JPG">
            <a:extLst>
              <a:ext uri="{FF2B5EF4-FFF2-40B4-BE49-F238E27FC236}">
                <a16:creationId xmlns:a16="http://schemas.microsoft.com/office/drawing/2014/main" id="{CE8A74B0-C882-DEA7-0232-7F1F1A82EBA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94200" y="3295650"/>
            <a:ext cx="4749800" cy="3562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557" name="図 18" descr="説明: IMGP2379.JPG">
            <a:extLst>
              <a:ext uri="{FF2B5EF4-FFF2-40B4-BE49-F238E27FC236}">
                <a16:creationId xmlns:a16="http://schemas.microsoft.com/office/drawing/2014/main" id="{8D5AD2E5-984A-17DD-5063-5A5EA4C9B5C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30725" y="44450"/>
            <a:ext cx="4613275" cy="30972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558" name="テキスト ボックス 1">
            <a:extLst>
              <a:ext uri="{FF2B5EF4-FFF2-40B4-BE49-F238E27FC236}">
                <a16:creationId xmlns:a16="http://schemas.microsoft.com/office/drawing/2014/main" id="{8C1EAEDF-D6FE-ECD9-8A55-371359390E1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9750" y="4508500"/>
            <a:ext cx="3570288" cy="1108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2400">
                <a:latin typeface="Arial" panose="020B0604020202020204" pitchFamily="34" charset="0"/>
              </a:rPr>
              <a:t>非破壊検査（超音波探傷）</a:t>
            </a: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>
                <a:latin typeface="Arial" panose="020B0604020202020204" pitchFamily="34" charset="0"/>
              </a:rPr>
              <a:t>を使用した詳細点検</a:t>
            </a: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ja-JP" altLang="en-US" sz="1800">
              <a:latin typeface="Arial" panose="020B0604020202020204" pitchFamily="34" charset="0"/>
            </a:endParaRPr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0660" name="Picture 5" descr="DSC00251">
            <a:extLst>
              <a:ext uri="{FF2B5EF4-FFF2-40B4-BE49-F238E27FC236}">
                <a16:creationId xmlns:a16="http://schemas.microsoft.com/office/drawing/2014/main" id="{9EAE133A-F24E-CE6F-66A5-97A7B06A026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3001" y="851296"/>
            <a:ext cx="3248818" cy="243473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0661" name="Picture 6">
            <a:extLst>
              <a:ext uri="{FF2B5EF4-FFF2-40B4-BE49-F238E27FC236}">
                <a16:creationId xmlns:a16="http://schemas.microsoft.com/office/drawing/2014/main" id="{B3943855-B2AD-37F1-E8C0-02B4A569BA1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5891"/>
          <a:stretch>
            <a:fillRect/>
          </a:stretch>
        </p:blipFill>
        <p:spPr bwMode="auto">
          <a:xfrm>
            <a:off x="4313094" y="857250"/>
            <a:ext cx="3687907" cy="243473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0662" name="Picture 3">
            <a:extLst>
              <a:ext uri="{FF2B5EF4-FFF2-40B4-BE49-F238E27FC236}">
                <a16:creationId xmlns:a16="http://schemas.microsoft.com/office/drawing/2014/main" id="{31FA9FE2-B103-4CE3-1CD3-A05EACF054F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45395" y="3760740"/>
            <a:ext cx="3082153" cy="22400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0664" name="Picture 4">
            <a:extLst>
              <a:ext uri="{FF2B5EF4-FFF2-40B4-BE49-F238E27FC236}">
                <a16:creationId xmlns:a16="http://schemas.microsoft.com/office/drawing/2014/main" id="{BE5CDF88-B22F-A6BD-61F8-0054892816B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0188" y="3655378"/>
            <a:ext cx="2948564" cy="23688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C8E40CB6-0E64-542A-AB4B-C402A97D659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539351" y="3212977"/>
            <a:ext cx="6065298" cy="2662145"/>
          </a:xfrm>
          <a:prstGeom prst="rect">
            <a:avLst/>
          </a:prstGeom>
        </p:spPr>
      </p:pic>
      <p:pic>
        <p:nvPicPr>
          <p:cNvPr id="3" name="図 2">
            <a:extLst>
              <a:ext uri="{FF2B5EF4-FFF2-40B4-BE49-F238E27FC236}">
                <a16:creationId xmlns:a16="http://schemas.microsoft.com/office/drawing/2014/main" id="{C3AA5A20-0249-686E-2A23-FFFC8721F2D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539351" y="962010"/>
            <a:ext cx="5860914" cy="2576324"/>
          </a:xfrm>
          <a:prstGeom prst="rect">
            <a:avLst/>
          </a:prstGeom>
        </p:spPr>
      </p:pic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95CDF539-721C-4838-6C42-DB3C9FBCB667}"/>
              </a:ext>
            </a:extLst>
          </p:cNvPr>
          <p:cNvSpPr txBox="1"/>
          <p:nvPr/>
        </p:nvSpPr>
        <p:spPr>
          <a:xfrm>
            <a:off x="362495" y="1111976"/>
            <a:ext cx="357020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400" b="1" dirty="0"/>
              <a:t>解析技術の活用から判断</a:t>
            </a:r>
          </a:p>
        </p:txBody>
      </p:sp>
    </p:spTree>
    <p:extLst>
      <p:ext uri="{BB962C8B-B14F-4D97-AF65-F5344CB8AC3E}">
        <p14:creationId xmlns:p14="http://schemas.microsoft.com/office/powerpoint/2010/main" val="2988436274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300" name="テキスト ボックス 14">
            <a:extLst>
              <a:ext uri="{FF2B5EF4-FFF2-40B4-BE49-F238E27FC236}">
                <a16:creationId xmlns:a16="http://schemas.microsoft.com/office/drawing/2014/main" id="{D3C89C84-EFB6-4B9E-BABF-410E5921981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28330" y="105929"/>
            <a:ext cx="6532558" cy="5232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800" dirty="0"/>
              <a:t>今後のインフラメネジメントで必要なもの！</a:t>
            </a:r>
          </a:p>
        </p:txBody>
      </p:sp>
      <p:sp>
        <p:nvSpPr>
          <p:cNvPr id="15" name="スライド番号プレースホルダー 14">
            <a:extLst>
              <a:ext uri="{FF2B5EF4-FFF2-40B4-BE49-F238E27FC236}">
                <a16:creationId xmlns:a16="http://schemas.microsoft.com/office/drawing/2014/main" id="{F8BEA8E5-0DA0-4F97-8389-93E2D216754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5A2C38-BF5A-4117-A3B3-4E986D472ED9}" type="slidenum">
              <a:rPr kumimoji="1" lang="ja-JP" altLang="en-US" smtClean="0"/>
              <a:t>53</a:t>
            </a:fld>
            <a:endParaRPr kumimoji="1" lang="ja-JP" altLang="en-US" dirty="0"/>
          </a:p>
        </p:txBody>
      </p:sp>
      <p:sp>
        <p:nvSpPr>
          <p:cNvPr id="18" name="角丸四角形 2">
            <a:extLst>
              <a:ext uri="{FF2B5EF4-FFF2-40B4-BE49-F238E27FC236}">
                <a16:creationId xmlns:a16="http://schemas.microsoft.com/office/drawing/2014/main" id="{4520C686-9A16-4787-8834-C7ECF2F214DD}"/>
              </a:ext>
            </a:extLst>
          </p:cNvPr>
          <p:cNvSpPr/>
          <p:nvPr/>
        </p:nvSpPr>
        <p:spPr>
          <a:xfrm>
            <a:off x="323528" y="764704"/>
            <a:ext cx="2736304" cy="2012329"/>
          </a:xfrm>
          <a:prstGeom prst="roundRect">
            <a:avLst/>
          </a:prstGeom>
          <a:solidFill>
            <a:srgbClr val="FFFF00"/>
          </a:solidFill>
          <a:ln w="76200">
            <a:solidFill>
              <a:srgbClr val="0020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ja-JP" altLang="en-US" sz="2400" b="1" dirty="0">
                <a:solidFill>
                  <a:schemeClr val="tx1"/>
                </a:solidFill>
              </a:rPr>
              <a:t>技術者</a:t>
            </a:r>
            <a:endParaRPr lang="en-US" altLang="ja-JP" sz="240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現場知見・実物経験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先進性・興味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俯瞰的目・責任感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度量</a:t>
            </a:r>
          </a:p>
        </p:txBody>
      </p:sp>
      <p:graphicFrame>
        <p:nvGraphicFramePr>
          <p:cNvPr id="10" name="図表 9">
            <a:extLst>
              <a:ext uri="{FF2B5EF4-FFF2-40B4-BE49-F238E27FC236}">
                <a16:creationId xmlns:a16="http://schemas.microsoft.com/office/drawing/2014/main" id="{FCC4842B-EE1B-46AF-AC37-9BA73DC786E1}"/>
              </a:ext>
            </a:extLst>
          </p:cNvPr>
          <p:cNvGraphicFramePr/>
          <p:nvPr/>
        </p:nvGraphicFramePr>
        <p:xfrm>
          <a:off x="137855" y="1475582"/>
          <a:ext cx="8766988" cy="460650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13" name="図 12">
            <a:extLst>
              <a:ext uri="{FF2B5EF4-FFF2-40B4-BE49-F238E27FC236}">
                <a16:creationId xmlns:a16="http://schemas.microsoft.com/office/drawing/2014/main" id="{4F792F57-44C7-48DB-9B50-A38B9E817A6A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7247986" y="4977050"/>
            <a:ext cx="1530229" cy="1530229"/>
          </a:xfrm>
          <a:prstGeom prst="rect">
            <a:avLst/>
          </a:prstGeom>
        </p:spPr>
      </p:pic>
      <p:sp>
        <p:nvSpPr>
          <p:cNvPr id="16" name="矢印: 下 15">
            <a:extLst>
              <a:ext uri="{FF2B5EF4-FFF2-40B4-BE49-F238E27FC236}">
                <a16:creationId xmlns:a16="http://schemas.microsoft.com/office/drawing/2014/main" id="{AFA34FB5-F82F-4492-83C9-AC3A842BF9AE}"/>
              </a:ext>
            </a:extLst>
          </p:cNvPr>
          <p:cNvSpPr/>
          <p:nvPr/>
        </p:nvSpPr>
        <p:spPr>
          <a:xfrm>
            <a:off x="7743190" y="581524"/>
            <a:ext cx="1152128" cy="619794"/>
          </a:xfrm>
          <a:prstGeom prst="downArrow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7" name="爆発: 8 pt 16">
            <a:extLst>
              <a:ext uri="{FF2B5EF4-FFF2-40B4-BE49-F238E27FC236}">
                <a16:creationId xmlns:a16="http://schemas.microsoft.com/office/drawing/2014/main" id="{760596B8-21C3-4E1D-8E47-D35D99D2B784}"/>
              </a:ext>
            </a:extLst>
          </p:cNvPr>
          <p:cNvSpPr/>
          <p:nvPr/>
        </p:nvSpPr>
        <p:spPr>
          <a:xfrm>
            <a:off x="6279368" y="-632357"/>
            <a:ext cx="3467466" cy="3212976"/>
          </a:xfrm>
          <a:prstGeom prst="irregularSeal1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b="1" dirty="0">
                <a:solidFill>
                  <a:schemeClr val="tx1"/>
                </a:solidFill>
              </a:rPr>
              <a:t>インフラを守るのは、我々</a:t>
            </a:r>
            <a:r>
              <a:rPr lang="ja-JP" altLang="en-US" sz="2400" b="1" dirty="0">
                <a:solidFill>
                  <a:schemeClr val="tx1"/>
                </a:solidFill>
              </a:rPr>
              <a:t>土木技術者！！</a:t>
            </a:r>
            <a:endParaRPr kumimoji="1" lang="ja-JP" altLang="en-US" sz="2400" b="1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1748213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0" y="210400"/>
            <a:ext cx="8229600" cy="990600"/>
          </a:xfrm>
        </p:spPr>
        <p:txBody>
          <a:bodyPr>
            <a:normAutofit/>
          </a:bodyPr>
          <a:lstStyle/>
          <a:p>
            <a:r>
              <a:rPr kumimoji="1" lang="ja-JP" altLang="en-US" sz="3600" b="1" dirty="0"/>
              <a:t>　維持管理における課題</a:t>
            </a:r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163605" y="1056346"/>
            <a:ext cx="8816790" cy="5225494"/>
          </a:xfrm>
        </p:spPr>
        <p:txBody>
          <a:bodyPr>
            <a:normAutofit fontScale="92500" lnSpcReduction="20000"/>
          </a:bodyPr>
          <a:lstStyle/>
          <a:p>
            <a:pPr marL="0" indent="0">
              <a:buNone/>
            </a:pPr>
            <a:r>
              <a:rPr kumimoji="1" lang="ja-JP" altLang="en-US" sz="2400" b="1" dirty="0"/>
              <a:t>１）点検・診断は適切に行われているのか？</a:t>
            </a:r>
            <a:endParaRPr kumimoji="1" lang="en-US" altLang="ja-JP" sz="2400" b="1" dirty="0"/>
          </a:p>
          <a:p>
            <a:pPr marL="0" indent="0">
              <a:buNone/>
            </a:pPr>
            <a:r>
              <a:rPr lang="ja-JP" altLang="en-US" sz="2400" b="1" dirty="0"/>
              <a:t>・現在の点検基準では「ひび割れ」ばかり拾っている。</a:t>
            </a:r>
            <a:endParaRPr lang="en-US" altLang="ja-JP" sz="2400" b="1" dirty="0"/>
          </a:p>
          <a:p>
            <a:pPr marL="0" indent="0">
              <a:buNone/>
            </a:pPr>
            <a:r>
              <a:rPr lang="ja-JP" altLang="en-US" sz="2400" b="1" dirty="0"/>
              <a:t>・非破壊検査などを活用した詳細点検が実施されていない。　</a:t>
            </a:r>
            <a:endParaRPr lang="en-US" altLang="ja-JP" sz="2400" b="1" dirty="0"/>
          </a:p>
          <a:p>
            <a:pPr marL="0" indent="0">
              <a:buNone/>
            </a:pPr>
            <a:endParaRPr lang="en-US" altLang="ja-JP" sz="2400" b="1" dirty="0"/>
          </a:p>
          <a:p>
            <a:pPr marL="0" indent="0">
              <a:buNone/>
            </a:pPr>
            <a:r>
              <a:rPr kumimoji="1" lang="ja-JP" altLang="en-US" sz="2400" b="1" dirty="0"/>
              <a:t>２）構造物の生い立ちと、再劣化</a:t>
            </a:r>
            <a:endParaRPr kumimoji="1" lang="en-US" altLang="ja-JP" sz="2400" b="1" dirty="0"/>
          </a:p>
          <a:p>
            <a:pPr marL="0" indent="0">
              <a:buNone/>
            </a:pPr>
            <a:r>
              <a:rPr lang="ja-JP" altLang="en-US" sz="2400" b="1" dirty="0"/>
              <a:t>・計画・設計・施工において、不適切な構造物が多数存在する。</a:t>
            </a:r>
            <a:endParaRPr lang="en-US" altLang="ja-JP" sz="2400" b="1" dirty="0"/>
          </a:p>
          <a:p>
            <a:pPr marL="0" indent="0">
              <a:buNone/>
            </a:pPr>
            <a:r>
              <a:rPr lang="ja-JP" altLang="en-US" sz="2400" b="1" dirty="0"/>
              <a:t>・補修後の早期再劣化が検証されていない。</a:t>
            </a:r>
            <a:endParaRPr lang="en-US" altLang="ja-JP" sz="2400" b="1" dirty="0"/>
          </a:p>
          <a:p>
            <a:pPr marL="0" indent="0">
              <a:buNone/>
            </a:pPr>
            <a:endParaRPr kumimoji="1" lang="en-US" altLang="ja-JP" sz="2400" b="1" dirty="0"/>
          </a:p>
          <a:p>
            <a:pPr marL="0" indent="0">
              <a:buNone/>
            </a:pPr>
            <a:r>
              <a:rPr kumimoji="1" lang="ja-JP" altLang="en-US" sz="2400" b="1" dirty="0"/>
              <a:t>３）課題を検証できる技術力があるか？</a:t>
            </a:r>
            <a:endParaRPr kumimoji="1" lang="en-US" altLang="ja-JP" sz="2400" b="1" dirty="0"/>
          </a:p>
          <a:p>
            <a:pPr marL="0" indent="0">
              <a:buNone/>
            </a:pPr>
            <a:r>
              <a:rPr lang="ja-JP" altLang="en-US" sz="2400" b="1" dirty="0"/>
              <a:t>・課題検証能力が、発注者、コンサルともにあるのか疑わしい。</a:t>
            </a:r>
            <a:endParaRPr lang="en-US" altLang="ja-JP" sz="2400" b="1" dirty="0"/>
          </a:p>
          <a:p>
            <a:pPr marL="0" indent="0">
              <a:buNone/>
            </a:pPr>
            <a:endParaRPr kumimoji="1" lang="en-US" altLang="ja-JP" sz="2400" b="1" dirty="0"/>
          </a:p>
          <a:p>
            <a:pPr marL="0" indent="0">
              <a:buNone/>
            </a:pPr>
            <a:r>
              <a:rPr kumimoji="1" lang="ja-JP" altLang="en-US" sz="2400" b="1" dirty="0"/>
              <a:t>４）総合的マネジメント力</a:t>
            </a:r>
            <a:endParaRPr lang="en-US" altLang="ja-JP" sz="2400" b="1" dirty="0"/>
          </a:p>
          <a:p>
            <a:pPr marL="0" indent="0">
              <a:buNone/>
            </a:pPr>
            <a:r>
              <a:rPr lang="ja-JP" altLang="en-US" sz="2400" b="1" dirty="0"/>
              <a:t>・複数のインフラ（群）を管理しているので、総合的なマネジメン</a:t>
            </a:r>
            <a:endParaRPr lang="en-US" altLang="ja-JP" sz="2400" b="1" dirty="0"/>
          </a:p>
          <a:p>
            <a:pPr marL="0" indent="0">
              <a:buNone/>
            </a:pPr>
            <a:r>
              <a:rPr lang="ja-JP" altLang="en-US" sz="2400" b="1" dirty="0"/>
              <a:t>　トが重要となる。</a:t>
            </a:r>
            <a:endParaRPr lang="en-US" altLang="ja-JP" sz="2400" b="1" dirty="0"/>
          </a:p>
          <a:p>
            <a:pPr marL="0" indent="0">
              <a:buNone/>
            </a:pPr>
            <a:endParaRPr lang="en-US" altLang="ja-JP" sz="2000" b="1" dirty="0"/>
          </a:p>
          <a:p>
            <a:pPr marL="0" indent="0">
              <a:buNone/>
            </a:pP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746051640"/>
      </p:ext>
    </p:extLst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1" name="角丸四角形 2"/>
          <p:cNvSpPr>
            <a:spLocks noChangeArrowheads="1"/>
          </p:cNvSpPr>
          <p:nvPr/>
        </p:nvSpPr>
        <p:spPr bwMode="auto">
          <a:xfrm>
            <a:off x="1375371" y="313219"/>
            <a:ext cx="5014913" cy="696516"/>
          </a:xfrm>
          <a:prstGeom prst="rect">
            <a:avLst/>
          </a:prstGeom>
        </p:spPr>
        <p:txBody>
          <a:bodyPr vert="horz" lIns="55721" tIns="27861" rIns="55721" bIns="27861" rtlCol="0" anchor="ctr">
            <a:normAutofit lnSpcReduction="10000"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ctr">
              <a:lnSpc>
                <a:spcPct val="90000"/>
              </a:lnSpc>
              <a:spcBef>
                <a:spcPct val="0"/>
              </a:spcBef>
              <a:spcAft>
                <a:spcPts val="366"/>
              </a:spcAft>
              <a:defRPr/>
            </a:pPr>
            <a:r>
              <a:rPr lang="ja-JP" altLang="en-US" sz="2255" b="1" dirty="0">
                <a:ln w="11430"/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latin typeface="+mj-lt"/>
                <a:ea typeface="+mj-ea"/>
                <a:cs typeface="+mj-cs"/>
              </a:rPr>
              <a:t>進まない理由：</a:t>
            </a:r>
            <a:endParaRPr lang="en-US" altLang="ja-JP" sz="2255" b="1" dirty="0">
              <a:ln w="11430"/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  <a:latin typeface="+mj-lt"/>
              <a:ea typeface="+mj-ea"/>
              <a:cs typeface="+mj-cs"/>
            </a:endParaRPr>
          </a:p>
          <a:p>
            <a:pPr algn="ctr">
              <a:lnSpc>
                <a:spcPct val="90000"/>
              </a:lnSpc>
              <a:spcBef>
                <a:spcPct val="0"/>
              </a:spcBef>
              <a:spcAft>
                <a:spcPts val="366"/>
              </a:spcAft>
              <a:defRPr/>
            </a:pPr>
            <a:r>
              <a:rPr lang="ja-JP" altLang="en-US" sz="2255" b="1" dirty="0">
                <a:ln w="11430"/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latin typeface="+mj-lt"/>
                <a:ea typeface="+mj-ea"/>
                <a:cs typeface="+mj-cs"/>
              </a:rPr>
              <a:t>的確なマネジメントができていない</a:t>
            </a:r>
          </a:p>
        </p:txBody>
      </p:sp>
      <p:sp>
        <p:nvSpPr>
          <p:cNvPr id="6148" name="角丸四角形 3"/>
          <p:cNvSpPr>
            <a:spLocks noChangeArrowheads="1"/>
          </p:cNvSpPr>
          <p:nvPr/>
        </p:nvSpPr>
        <p:spPr bwMode="auto">
          <a:xfrm>
            <a:off x="800100" y="1240971"/>
            <a:ext cx="7772399" cy="5303810"/>
          </a:xfrm>
          <a:prstGeom prst="rect">
            <a:avLst/>
          </a:prstGeom>
        </p:spPr>
        <p:txBody>
          <a:bodyPr vert="horz" lIns="55721" tIns="27861" rIns="55721" bIns="27861" rtlCol="0">
            <a:normAutofit fontScale="25000" lnSpcReduction="20000"/>
          </a:bodyPr>
          <a:lstStyle/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endParaRPr lang="en-US" altLang="ja-JP" sz="914" b="1" dirty="0"/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  <a:highlight>
                  <a:srgbClr val="FFFF00"/>
                </a:highlight>
              </a:rPr>
              <a:t>ヒト</a:t>
            </a:r>
            <a:endParaRPr lang="en-US" altLang="ja-JP" sz="8000" b="1" spc="31" dirty="0">
              <a:ln w="11430"/>
              <a:highlight>
                <a:srgbClr val="FFFF00"/>
              </a:highlight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●リーダーの不在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　　旧来の思考ではなく、新たな思考ができるリーダー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　　首長とは別に現場を引っ張る人間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　　リーダーは考えることが重要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dirty="0">
                <a:highlight>
                  <a:srgbClr val="FFFF00"/>
                </a:highlight>
              </a:rPr>
              <a:t>モノ</a:t>
            </a:r>
            <a:endParaRPr lang="en-US" altLang="ja-JP" sz="8000" b="1" dirty="0">
              <a:highlight>
                <a:srgbClr val="FFFF00"/>
              </a:highlight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dirty="0"/>
              <a:t>○「官側」　の能力不足</a:t>
            </a:r>
            <a:endParaRPr lang="en-US" altLang="ja-JP" sz="8000" b="1" dirty="0"/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dirty="0"/>
              <a:t>　　「専門的知識の不足」そもそも、橋をどこまで理解できているか？</a:t>
            </a:r>
            <a:endParaRPr lang="en-US" altLang="ja-JP" sz="8000" b="1" dirty="0"/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〇「民側」　の能力不足　　　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　　「民側も技術力などの低下」　　　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  <a:highlight>
                  <a:srgbClr val="FFFF00"/>
                </a:highlight>
              </a:rPr>
              <a:t>カネ</a:t>
            </a:r>
            <a:endParaRPr lang="en-US" altLang="ja-JP" sz="8000" b="1" spc="31" dirty="0">
              <a:ln w="11430"/>
              <a:highlight>
                <a:srgbClr val="FFFF00"/>
              </a:highlight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●長期の財政のシュミュレーションの重要性。　いつまでもつか？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　おそらく将来的には、民間資金の活用　</a:t>
            </a:r>
            <a:r>
              <a:rPr lang="en-US" altLang="ja-JP" sz="8000" b="1" spc="31" dirty="0">
                <a:ln w="11430"/>
              </a:rPr>
              <a:t>PPP/PFI</a:t>
            </a:r>
            <a:r>
              <a:rPr lang="ja-JP" altLang="en-US" sz="8000" b="1" spc="31" dirty="0">
                <a:ln w="11430"/>
              </a:rPr>
              <a:t>なども。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  <a:highlight>
                  <a:srgbClr val="FFFF00"/>
                </a:highlight>
              </a:rPr>
              <a:t>適材適所</a:t>
            </a:r>
            <a:endParaRPr lang="en-US" altLang="ja-JP" sz="8000" b="1" spc="31" dirty="0">
              <a:ln w="11430"/>
              <a:highlight>
                <a:srgbClr val="FFFF00"/>
              </a:highlight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●産・学・官の適正な役割分担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　現在は「学」に頼りすぎ。（奉りすぎ）実学や実務家の重要性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　官は、コンサルに頼りすぎ。（便利だが中身が薄い）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r>
              <a:rPr lang="ja-JP" altLang="en-US" sz="8000" b="1" spc="31" dirty="0">
                <a:ln w="11430"/>
              </a:rPr>
              <a:t>　実態に合った新たな発注の仕組みが必要</a:t>
            </a: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endParaRPr lang="en-US" altLang="ja-JP" sz="8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endParaRPr lang="en-US" altLang="ja-JP" sz="6000" b="1" spc="31" dirty="0">
              <a:ln w="11430"/>
            </a:endParaRPr>
          </a:p>
          <a:p>
            <a:pPr>
              <a:lnSpc>
                <a:spcPct val="90000"/>
              </a:lnSpc>
              <a:spcBef>
                <a:spcPct val="20000"/>
              </a:spcBef>
              <a:buFont typeface="Arial" panose="020B0604020202020204" pitchFamily="34" charset="0"/>
              <a:defRPr/>
            </a:pPr>
            <a:endParaRPr lang="en-US" altLang="ja-JP" sz="914" b="1" spc="31" dirty="0">
              <a:ln w="11430"/>
            </a:endParaRPr>
          </a:p>
        </p:txBody>
      </p:sp>
      <p:sp>
        <p:nvSpPr>
          <p:cNvPr id="28675" name="スライド番号プレースホルダー 1" hidden="1"/>
          <p:cNvSpPr>
            <a:spLocks noGrp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55721" tIns="27861" rIns="55721" bIns="27861" numCol="1" rtlCol="0" anchor="t" anchorCtr="0" compatLnSpc="1">
            <a:prstTxWarp prst="textNoShape">
              <a:avLst/>
            </a:prstTxWarp>
          </a:bodyPr>
          <a:lstStyle>
            <a:lvl1pPr>
              <a:spcBef>
                <a:spcPts val="366"/>
              </a:spcBef>
              <a:buClr>
                <a:schemeClr val="accent1"/>
              </a:buClr>
              <a:buSzPct val="76000"/>
              <a:buFont typeface="Wingdings 3" pitchFamily="18" charset="2"/>
              <a:buChar char=""/>
              <a:defRPr kumimoji="1" sz="1585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1pPr>
            <a:lvl2pPr marL="452699" indent="-174116">
              <a:spcBef>
                <a:spcPts val="305"/>
              </a:spcBef>
              <a:buClr>
                <a:schemeClr val="accent2"/>
              </a:buClr>
              <a:buSzPct val="76000"/>
              <a:buFont typeface="Wingdings 3" pitchFamily="18" charset="2"/>
              <a:buChar char=""/>
              <a:defRPr kumimoji="1" sz="1402">
                <a:solidFill>
                  <a:schemeClr val="tx2"/>
                </a:solidFill>
                <a:latin typeface="Gill Sans MT" pitchFamily="34" charset="0"/>
                <a:ea typeface="ＭＳ Ｐゴシック" charset="-128"/>
              </a:defRPr>
            </a:lvl2pPr>
            <a:lvl3pPr marL="696460" indent="-139292">
              <a:spcBef>
                <a:spcPts val="305"/>
              </a:spcBef>
              <a:buClr>
                <a:srgbClr val="BCBCBC"/>
              </a:buClr>
              <a:buSzPct val="76000"/>
              <a:buFont typeface="Wingdings 3" pitchFamily="18" charset="2"/>
              <a:buChar char=""/>
              <a:defRPr kumimoji="1" sz="1219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3pPr>
            <a:lvl4pPr marL="975044" indent="-139292">
              <a:spcBef>
                <a:spcPts val="244"/>
              </a:spcBef>
              <a:buClr>
                <a:srgbClr val="8BA2B4"/>
              </a:buClr>
              <a:buSzPct val="70000"/>
              <a:buFont typeface="Wingdings" pitchFamily="2" charset="2"/>
              <a:buChar char=""/>
              <a:defRPr kumimoji="1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4pPr>
            <a:lvl5pPr marL="1253627" indent="-139292">
              <a:spcBef>
                <a:spcPts val="183"/>
              </a:spcBef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975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5pPr>
            <a:lvl6pPr marL="1532211" indent="-139292" fontAlgn="base">
              <a:spcBef>
                <a:spcPts val="183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975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6pPr>
            <a:lvl7pPr marL="1810795" indent="-139292" fontAlgn="base">
              <a:spcBef>
                <a:spcPts val="183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975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7pPr>
            <a:lvl8pPr marL="2089379" indent="-139292" fontAlgn="base">
              <a:spcBef>
                <a:spcPts val="183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975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8pPr>
            <a:lvl9pPr marL="2367962" indent="-139292" fontAlgn="base">
              <a:spcBef>
                <a:spcPts val="183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975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9pPr>
          </a:lstStyle>
          <a:p>
            <a:pPr>
              <a:spcBef>
                <a:spcPct val="0"/>
              </a:spcBef>
              <a:spcAft>
                <a:spcPts val="366"/>
              </a:spcAft>
              <a:buClrTx/>
              <a:buSzTx/>
              <a:buNone/>
            </a:pPr>
            <a:fld id="{600F97BF-57A9-42A1-9D5B-E49F35A5C48F}" type="slidenum">
              <a:rPr lang="en-US" altLang="ja-JP" sz="854">
                <a:latin typeface="Arial" charset="0"/>
              </a:rPr>
              <a:pPr>
                <a:spcBef>
                  <a:spcPct val="0"/>
                </a:spcBef>
                <a:spcAft>
                  <a:spcPts val="366"/>
                </a:spcAft>
                <a:buClrTx/>
                <a:buSzTx/>
                <a:buNone/>
              </a:pPr>
              <a:t>55</a:t>
            </a:fld>
            <a:endParaRPr lang="en-US" altLang="ja-JP" sz="854"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043361911"/>
      </p:ext>
    </p:extLst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スライド番号プレースホルダー 1"/>
          <p:cNvSpPr>
            <a:spLocks noGrp="1"/>
          </p:cNvSpPr>
          <p:nvPr>
            <p:ph type="sldNum" sz="quarter" idx="12"/>
          </p:nvPr>
        </p:nvSpPr>
        <p:spPr bwMode="auto">
          <a:xfrm>
            <a:off x="5651500" y="7100888"/>
            <a:ext cx="3889375" cy="476250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t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fld id="{155041D9-6CF6-4D0A-9F72-D243350B5AAB}" type="slidenum">
              <a:rPr lang="en-US" altLang="ja-JP" sz="1200" smtClean="0">
                <a:solidFill>
                  <a:srgbClr val="0033CC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pPr algn="ctr">
                <a:spcBef>
                  <a:spcPct val="0"/>
                </a:spcBef>
                <a:buFontTx/>
                <a:buNone/>
              </a:pPr>
              <a:t>56</a:t>
            </a:fld>
            <a:endParaRPr lang="en-US" altLang="ja-JP" sz="1200">
              <a:solidFill>
                <a:srgbClr val="0033CC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pic>
        <p:nvPicPr>
          <p:cNvPr id="3" name="Picture 4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572000" y="795338"/>
            <a:ext cx="4667250" cy="348297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 cap="flat" cmpd="sng">
                <a:solidFill>
                  <a:schemeClr val="tx1"/>
                </a:solidFill>
                <a:prstDash val="solid"/>
                <a:miter lim="800000"/>
                <a:headEnd/>
                <a:tailEnd/>
              </a14:hiddenLine>
            </a:ext>
          </a:extLst>
        </p:spPr>
      </p:pic>
      <p:pic>
        <p:nvPicPr>
          <p:cNvPr id="19460" name="Picture 2" descr="画像 019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1749" y="777875"/>
            <a:ext cx="4667250" cy="35004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463" name="テキスト ボックス 1"/>
          <p:cNvSpPr txBox="1">
            <a:spLocks noChangeArrowheads="1"/>
          </p:cNvSpPr>
          <p:nvPr/>
        </p:nvSpPr>
        <p:spPr bwMode="auto">
          <a:xfrm>
            <a:off x="2824163" y="115888"/>
            <a:ext cx="3686175" cy="1323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en-US" altLang="ja-JP" sz="40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PPP/PFI</a:t>
            </a:r>
            <a:r>
              <a:rPr lang="ja-JP" altLang="en-US" sz="40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　と</a:t>
            </a:r>
            <a:r>
              <a:rPr lang="en-US" altLang="ja-JP" sz="40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CM</a:t>
            </a: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2000" dirty="0">
                <a:solidFill>
                  <a:schemeClr val="bg1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ちょうど２０００年。</a:t>
            </a:r>
            <a:endParaRPr lang="en-US" altLang="ja-JP" sz="2000" dirty="0">
              <a:solidFill>
                <a:schemeClr val="bg1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endParaRPr lang="ja-JP" altLang="en-US" sz="2000" dirty="0">
              <a:solidFill>
                <a:schemeClr val="bg1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  <p:sp>
        <p:nvSpPr>
          <p:cNvPr id="2" name="テキスト ボックス 1"/>
          <p:cNvSpPr txBox="1"/>
          <p:nvPr/>
        </p:nvSpPr>
        <p:spPr>
          <a:xfrm>
            <a:off x="553988" y="4490943"/>
            <a:ext cx="8685262" cy="260994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新たな「しくみ」の導入が必要となる！</a:t>
            </a:r>
            <a:r>
              <a:rPr kumimoji="1" lang="en-US" altLang="ja-JP" dirty="0"/>
              <a:t>PPP/PFI</a:t>
            </a:r>
            <a:r>
              <a:rPr kumimoji="1" lang="ja-JP" altLang="en-US" dirty="0"/>
              <a:t>もその一つの手法。</a:t>
            </a:r>
            <a:endParaRPr kumimoji="1" lang="en-US" altLang="ja-JP" dirty="0"/>
          </a:p>
          <a:p>
            <a:r>
              <a:rPr kumimoji="1" lang="en-US" altLang="ja-JP" dirty="0"/>
              <a:t>CM</a:t>
            </a:r>
            <a:r>
              <a:rPr kumimoji="1" lang="ja-JP" altLang="en-US" dirty="0"/>
              <a:t>もそうである。</a:t>
            </a:r>
            <a:endParaRPr kumimoji="1" lang="en-US" altLang="ja-JP" dirty="0"/>
          </a:p>
          <a:p>
            <a:r>
              <a:rPr kumimoji="1" lang="ja-JP" altLang="en-US" dirty="0"/>
              <a:t>２０００年に韓国で実施。「テグ</a:t>
            </a:r>
            <a:r>
              <a:rPr kumimoji="1" lang="en-US" altLang="ja-JP" dirty="0"/>
              <a:t>~</a:t>
            </a:r>
            <a:r>
              <a:rPr kumimoji="1" lang="ja-JP" altLang="en-US" dirty="0"/>
              <a:t>ブサン高速道路民資事業」</a:t>
            </a:r>
            <a:endParaRPr kumimoji="1" lang="en-US" altLang="ja-JP" dirty="0"/>
          </a:p>
          <a:p>
            <a:r>
              <a:rPr kumimoji="1" lang="ja-JP" altLang="en-US" dirty="0"/>
              <a:t>橋梁１０５橋トンネル１３本。延長</a:t>
            </a:r>
            <a:r>
              <a:rPr kumimoji="1" lang="en-US" altLang="ja-JP" dirty="0"/>
              <a:t>85km</a:t>
            </a:r>
            <a:r>
              <a:rPr kumimoji="1" lang="ja-JP" altLang="en-US" dirty="0"/>
              <a:t>。</a:t>
            </a:r>
            <a:r>
              <a:rPr kumimoji="1" lang="en-US" altLang="ja-JP" dirty="0"/>
              <a:t>1</a:t>
            </a:r>
            <a:r>
              <a:rPr kumimoji="1" lang="ja-JP" altLang="en-US" dirty="0"/>
              <a:t>年間の設計照査、４年間のモニタリング。</a:t>
            </a:r>
            <a:endParaRPr kumimoji="1" lang="en-US" altLang="ja-JP" dirty="0"/>
          </a:p>
          <a:p>
            <a:r>
              <a:rPr kumimoji="1" lang="ja-JP" altLang="en-US" dirty="0"/>
              <a:t>我が国では、インフラでの実行例がない。</a:t>
            </a:r>
            <a:endParaRPr kumimoji="1" lang="en-US" altLang="ja-JP" dirty="0"/>
          </a:p>
          <a:p>
            <a:endParaRPr kumimoji="1" lang="en-US" altLang="ja-JP" dirty="0"/>
          </a:p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785664088"/>
      </p:ext>
    </p:extLst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AFE772F5-7CAA-0729-1D45-0D7E9D96F32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20070" y="747338"/>
            <a:ext cx="8103859" cy="5772944"/>
          </a:xfrm>
          <a:prstGeom prst="rect">
            <a:avLst/>
          </a:prstGeom>
        </p:spPr>
      </p:pic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211B6A74-24DC-2B56-3149-600EC688E50D}"/>
              </a:ext>
            </a:extLst>
          </p:cNvPr>
          <p:cNvSpPr txBox="1"/>
          <p:nvPr/>
        </p:nvSpPr>
        <p:spPr>
          <a:xfrm>
            <a:off x="1276298" y="250724"/>
            <a:ext cx="5570756" cy="41549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100" dirty="0"/>
              <a:t>技術の伝承のためにも！新規事業の必要性。</a:t>
            </a:r>
          </a:p>
        </p:txBody>
      </p:sp>
    </p:spTree>
    <p:extLst>
      <p:ext uri="{BB962C8B-B14F-4D97-AF65-F5344CB8AC3E}">
        <p14:creationId xmlns:p14="http://schemas.microsoft.com/office/powerpoint/2010/main" val="588392011"/>
      </p:ext>
    </p:extLst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>
            <a:extLst>
              <a:ext uri="{FF2B5EF4-FFF2-40B4-BE49-F238E27FC236}">
                <a16:creationId xmlns:a16="http://schemas.microsoft.com/office/drawing/2014/main" id="{56BF684E-7CE0-4890-9F99-9AF12F387B6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40209" y="253092"/>
            <a:ext cx="6172200" cy="627534"/>
          </a:xfrm>
        </p:spPr>
        <p:txBody>
          <a:bodyPr>
            <a:normAutofit fontScale="90000"/>
          </a:bodyPr>
          <a:lstStyle/>
          <a:p>
            <a:r>
              <a:rPr kumimoji="1" lang="ja-JP" altLang="en-US" dirty="0"/>
              <a:t>今後の課題</a:t>
            </a: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5947CF7B-6D11-4F5C-860D-FB2C59F3029A}"/>
              </a:ext>
            </a:extLst>
          </p:cNvPr>
          <p:cNvSpPr txBox="1"/>
          <p:nvPr/>
        </p:nvSpPr>
        <p:spPr>
          <a:xfrm>
            <a:off x="829333" y="880626"/>
            <a:ext cx="7485333" cy="56323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/>
              <a:t>●財政：地方の財政のひっ迫</a:t>
            </a:r>
            <a:endParaRPr lang="en-US" altLang="ja-JP" sz="2000" dirty="0"/>
          </a:p>
          <a:p>
            <a:r>
              <a:rPr lang="ja-JP" altLang="en-US" sz="2000" dirty="0"/>
              <a:t>　　　新設工事の抑制　⇒新設への批判と将来の維持管理費への不安</a:t>
            </a:r>
            <a:endParaRPr lang="en-US" altLang="ja-JP" sz="2000" dirty="0"/>
          </a:p>
          <a:p>
            <a:r>
              <a:rPr lang="ja-JP" altLang="en-US" sz="2000" dirty="0"/>
              <a:t>　　　維持管理の時代へ</a:t>
            </a:r>
            <a:endParaRPr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●ミスリード</a:t>
            </a:r>
            <a:endParaRPr lang="en-US" altLang="ja-JP" sz="2000" dirty="0"/>
          </a:p>
          <a:p>
            <a:r>
              <a:rPr lang="ja-JP" altLang="en-US" sz="2000" dirty="0"/>
              <a:t>　　　最近、良く言われること</a:t>
            </a:r>
            <a:endParaRPr lang="en-US" altLang="ja-JP" sz="2000" dirty="0"/>
          </a:p>
          <a:p>
            <a:r>
              <a:rPr lang="ja-JP" altLang="en-US" sz="2000" dirty="0"/>
              <a:t>　　　「横展開」　⇒成功事例を作り、それを他にも導入拡大</a:t>
            </a:r>
            <a:endParaRPr lang="en-US" altLang="ja-JP" sz="2000" dirty="0"/>
          </a:p>
          <a:p>
            <a:r>
              <a:rPr lang="ja-JP" altLang="en-US" sz="2000" dirty="0"/>
              <a:t>　　　しかしそんなに簡単にはいかない。成功事例ができない。</a:t>
            </a:r>
            <a:endParaRPr lang="en-US" altLang="ja-JP" sz="2000" dirty="0"/>
          </a:p>
          <a:p>
            <a:r>
              <a:rPr lang="ja-JP" altLang="en-US" sz="2000" dirty="0"/>
              <a:t>　　　おのおのの自治体の事情の違いが存在。インフラメンテ　　</a:t>
            </a:r>
            <a:endParaRPr lang="en-US" altLang="ja-JP" sz="2000" dirty="0"/>
          </a:p>
          <a:p>
            <a:r>
              <a:rPr lang="ja-JP" altLang="en-US" sz="2000" dirty="0"/>
              <a:t>　　　　ナンスは手作り</a:t>
            </a:r>
            <a:endParaRPr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●技術力の低下</a:t>
            </a:r>
            <a:endParaRPr lang="en-US" altLang="ja-JP" sz="2000" dirty="0"/>
          </a:p>
          <a:p>
            <a:r>
              <a:rPr lang="ja-JP" altLang="en-US" sz="2000" dirty="0"/>
              <a:t>　　　官も民も技術力の低下。経験のある技術者の不足。「ハード」離れ</a:t>
            </a:r>
            <a:endParaRPr lang="en-US" altLang="ja-JP" sz="2000" dirty="0"/>
          </a:p>
          <a:p>
            <a:r>
              <a:rPr lang="ja-JP" altLang="en-US" sz="2000" dirty="0"/>
              <a:t>　　　「デザイン」や「景観」では解決できない。</a:t>
            </a:r>
            <a:endParaRPr lang="en-US" altLang="ja-JP" sz="2000" dirty="0"/>
          </a:p>
          <a:p>
            <a:r>
              <a:rPr lang="ja-JP" altLang="en-US" sz="2000" dirty="0"/>
              <a:t>　　　育成には時間がかかる。実務経験の重要性。</a:t>
            </a:r>
            <a:endParaRPr lang="en-US" altLang="ja-JP" sz="2000" dirty="0"/>
          </a:p>
          <a:p>
            <a:r>
              <a:rPr lang="ja-JP" altLang="en-US" sz="2000" dirty="0"/>
              <a:t>　　　大学の先生は「材料系」が多数。</a:t>
            </a:r>
            <a:endParaRPr lang="en-US" altLang="ja-JP" sz="2000" dirty="0"/>
          </a:p>
        </p:txBody>
      </p:sp>
    </p:spTree>
    <p:extLst>
      <p:ext uri="{BB962C8B-B14F-4D97-AF65-F5344CB8AC3E}">
        <p14:creationId xmlns:p14="http://schemas.microsoft.com/office/powerpoint/2010/main" val="3462856745"/>
      </p:ext>
    </p:extLst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F652D511-F8C6-862D-A92D-38D88A04069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50E13FB-DCAF-430E-9FD5-74CCF70954EF}" type="slidenum">
              <a:rPr lang="en-US" altLang="ja-JP" smtClean="0">
                <a:solidFill>
                  <a:srgbClr val="000000"/>
                </a:solidFill>
              </a:rPr>
              <a:pPr/>
              <a:t>59</a:t>
            </a:fld>
            <a:endParaRPr lang="en-US" altLang="ja-JP">
              <a:solidFill>
                <a:srgbClr val="000000"/>
              </a:solidFill>
            </a:endParaRP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26B6B0B8-DE1A-4B7C-AAC8-E0AB6A360189}"/>
              </a:ext>
            </a:extLst>
          </p:cNvPr>
          <p:cNvSpPr txBox="1"/>
          <p:nvPr/>
        </p:nvSpPr>
        <p:spPr>
          <a:xfrm>
            <a:off x="1435582" y="1227805"/>
            <a:ext cx="6647974" cy="466281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3300" dirty="0"/>
              <a:t>どうする、老朽化対策？</a:t>
            </a:r>
            <a:endParaRPr lang="en-US" altLang="ja-JP" sz="3300" dirty="0"/>
          </a:p>
          <a:p>
            <a:endParaRPr lang="en-US" altLang="ja-JP" sz="2400" dirty="0"/>
          </a:p>
          <a:p>
            <a:r>
              <a:rPr lang="ja-JP" altLang="en-US" sz="2400" dirty="0"/>
              <a:t>インフラの老朽化は深刻な問題となっている。</a:t>
            </a:r>
            <a:endParaRPr lang="en-US" altLang="ja-JP" sz="2400" dirty="0"/>
          </a:p>
          <a:p>
            <a:r>
              <a:rPr lang="ja-JP" altLang="en-US" sz="2400" dirty="0"/>
              <a:t>とくに「自治体」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「自治体の状況がわからない？」とよく聞く</a:t>
            </a:r>
            <a:endParaRPr lang="en-US" altLang="ja-JP" sz="2400" dirty="0"/>
          </a:p>
          <a:p>
            <a:r>
              <a:rPr lang="ja-JP" altLang="en-US" sz="2400" dirty="0"/>
              <a:t>あたりまえ、入り込めていないんだから。</a:t>
            </a:r>
            <a:endParaRPr lang="en-US" altLang="ja-JP" sz="2400" dirty="0"/>
          </a:p>
          <a:p>
            <a:r>
              <a:rPr lang="ja-JP" altLang="en-US" sz="2400" dirty="0"/>
              <a:t>予防保全や長寿命化？</a:t>
            </a:r>
            <a:endParaRPr lang="en-US" altLang="ja-JP" sz="2400" dirty="0"/>
          </a:p>
          <a:p>
            <a:r>
              <a:rPr lang="ja-JP" altLang="en-US" sz="2400" dirty="0"/>
              <a:t>議論の場が違うのではないか？</a:t>
            </a:r>
            <a:endParaRPr lang="en-US" altLang="ja-JP" sz="2400" dirty="0"/>
          </a:p>
          <a:p>
            <a:r>
              <a:rPr lang="ja-JP" altLang="en-US" sz="2400" dirty="0"/>
              <a:t>では我々はどうするのか？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⇒　次回以降、富山での取り組みを具体的に！</a:t>
            </a:r>
          </a:p>
        </p:txBody>
      </p:sp>
    </p:spTree>
    <p:extLst>
      <p:ext uri="{BB962C8B-B14F-4D97-AF65-F5344CB8AC3E}">
        <p14:creationId xmlns:p14="http://schemas.microsoft.com/office/powerpoint/2010/main" val="143806255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タイトル 1">
            <a:extLst>
              <a:ext uri="{FF2B5EF4-FFF2-40B4-BE49-F238E27FC236}">
                <a16:creationId xmlns:a16="http://schemas.microsoft.com/office/drawing/2014/main" id="{668FCD78-C9B2-B505-D19B-5AE22D3B7C3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dirty="0"/>
              <a:t>現在の委員会など活動</a:t>
            </a:r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1E3BFDC7-568F-38D8-C173-6BAA42F3865B}"/>
              </a:ext>
            </a:extLst>
          </p:cNvPr>
          <p:cNvSpPr txBox="1"/>
          <p:nvPr/>
        </p:nvSpPr>
        <p:spPr>
          <a:xfrm>
            <a:off x="107950" y="1916113"/>
            <a:ext cx="8928100" cy="3941335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>
              <a:defRPr/>
            </a:pPr>
            <a:r>
              <a:rPr lang="ja-JP" altLang="en-US" sz="2000" dirty="0"/>
              <a:t>〇国土交通省　　社会資本整備審議会　</a:t>
            </a:r>
            <a:endParaRPr lang="en-US" altLang="ja-JP" sz="2000" dirty="0"/>
          </a:p>
          <a:p>
            <a:pPr>
              <a:defRPr/>
            </a:pPr>
            <a:r>
              <a:rPr lang="ja-JP" altLang="en-US" sz="2000" dirty="0"/>
              <a:t>　　　　　　　地域インフラ群再生戦略マネジメント実施手法検討会　委員</a:t>
            </a:r>
            <a:endParaRPr lang="en-US" altLang="ja-JP" sz="2000" dirty="0"/>
          </a:p>
          <a:p>
            <a:pPr>
              <a:defRPr/>
            </a:pPr>
            <a:endParaRPr lang="en-US" altLang="ja-JP" sz="2000" dirty="0"/>
          </a:p>
          <a:p>
            <a:pPr algn="just" latinLnBrk="1">
              <a:lnSpc>
                <a:spcPts val="1850"/>
              </a:lnSpc>
              <a:defRPr/>
            </a:pPr>
            <a:r>
              <a:rPr lang="ja-JP" altLang="en-US" sz="2000" dirty="0"/>
              <a:t>〇　　　　　　</a:t>
            </a:r>
            <a:r>
              <a:rPr lang="ja-JP" altLang="ja-JP" sz="2000" spc="-5" dirty="0">
                <a:latin typeface="Times New Roman" panose="02020603050405020304" pitchFamily="18" charset="0"/>
                <a:ea typeface="ＤＦ平成明朝体W7"/>
              </a:rPr>
              <a:t>新技術導入に関するハンズオン支援事業検</a:t>
            </a:r>
            <a:r>
              <a:rPr lang="ja-JP" altLang="ja-JP" sz="2000" kern="100" dirty="0">
                <a:latin typeface="ＤＦ平成明朝体W7"/>
                <a:ea typeface="ＭＳ 明朝" panose="02020609040205080304" pitchFamily="17" charset="-128"/>
                <a:cs typeface="Times New Roman" panose="02020603050405020304" pitchFamily="18" charset="0"/>
              </a:rPr>
              <a:t>討会</a:t>
            </a: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r>
              <a:rPr lang="ja-JP" altLang="en-US" sz="2000" kern="100" dirty="0">
                <a:latin typeface="ＤＦ平成明朝体W7"/>
                <a:ea typeface="ＭＳ 明朝" panose="02020609040205080304" pitchFamily="17" charset="-128"/>
                <a:cs typeface="Times New Roman" panose="02020603050405020304" pitchFamily="18" charset="0"/>
              </a:rPr>
              <a:t>〇政策大学院大学　 社会インフラ総合マネジメント研究会　委員</a:t>
            </a: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r>
              <a:rPr lang="ja-JP" altLang="en-US" sz="2000" kern="100" dirty="0">
                <a:latin typeface="ＤＦ平成明朝体W7"/>
                <a:ea typeface="ＭＳ 明朝" panose="02020609040205080304" pitchFamily="17" charset="-128"/>
                <a:cs typeface="Times New Roman" panose="02020603050405020304" pitchFamily="18" charset="0"/>
              </a:rPr>
              <a:t>〇富山市　スマートシティ検討委員会　委員</a:t>
            </a: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r>
              <a:rPr lang="ja-JP" altLang="en-US" sz="2000" kern="100" dirty="0">
                <a:latin typeface="ＤＦ平成明朝体W7"/>
                <a:ea typeface="ＭＳ 明朝" panose="02020609040205080304" pitchFamily="17" charset="-128"/>
                <a:cs typeface="Times New Roman" panose="02020603050405020304" pitchFamily="18" charset="0"/>
              </a:rPr>
              <a:t>〇富山市　事業評価委員会委員</a:t>
            </a: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r>
              <a:rPr lang="ja-JP" altLang="en-US" sz="2000" kern="100" dirty="0">
                <a:latin typeface="ＤＦ平成明朝体W7"/>
                <a:ea typeface="ＭＳ 明朝" panose="02020609040205080304" pitchFamily="17" charset="-128"/>
                <a:cs typeface="Times New Roman" panose="02020603050405020304" pitchFamily="18" charset="0"/>
              </a:rPr>
              <a:t>〇月刊誌　土木施工編集委員会　委員</a:t>
            </a: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r>
              <a:rPr lang="ja-JP" altLang="en-US" sz="2000" kern="100" dirty="0">
                <a:latin typeface="ＤＦ平成明朝体W7"/>
                <a:ea typeface="ＭＳ 明朝" panose="02020609040205080304" pitchFamily="17" charset="-128"/>
                <a:cs typeface="Times New Roman" panose="02020603050405020304" pitchFamily="18" charset="0"/>
              </a:rPr>
              <a:t>〇一社）日本ｱｾﾄﾏﾈｼﾞﾒﾝﾄ協会　</a:t>
            </a:r>
            <a:endParaRPr lang="en-US" altLang="ja-JP" sz="2000" kern="100" dirty="0">
              <a:latin typeface="ＤＦ平成明朝体W7"/>
              <a:ea typeface="ＭＳ 明朝" panose="02020609040205080304" pitchFamily="17" charset="-128"/>
              <a:cs typeface="Times New Roman" panose="02020603050405020304" pitchFamily="18" charset="0"/>
            </a:endParaRPr>
          </a:p>
          <a:p>
            <a:pPr algn="just" latinLnBrk="1">
              <a:lnSpc>
                <a:spcPts val="1850"/>
              </a:lnSpc>
              <a:defRPr/>
            </a:pPr>
            <a:r>
              <a:rPr lang="ja-JP" altLang="en-US" sz="2000" kern="100" dirty="0">
                <a:latin typeface="ＤＦ平成明朝体W7"/>
                <a:ea typeface="ＭＳ 明朝" panose="02020609040205080304" pitchFamily="17" charset="-128"/>
                <a:cs typeface="Times New Roman" panose="02020603050405020304" pitchFamily="18" charset="0"/>
              </a:rPr>
              <a:t>　　　　　　　　地域アセットマネジメント推進委員会　委員長</a:t>
            </a:r>
            <a:endParaRPr lang="ja-JP" altLang="en-US" sz="2000" dirty="0"/>
          </a:p>
        </p:txBody>
      </p:sp>
    </p:spTree>
  </p:cSld>
  <p:clrMapOvr>
    <a:masterClrMapping/>
  </p:clrMapOvr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C4D4CDE7-8DCA-7556-BC5B-F4574F2C659A}"/>
              </a:ext>
            </a:extLst>
          </p:cNvPr>
          <p:cNvSpPr txBox="1"/>
          <p:nvPr/>
        </p:nvSpPr>
        <p:spPr>
          <a:xfrm>
            <a:off x="1426907" y="2162483"/>
            <a:ext cx="5897768" cy="85408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4950" dirty="0"/>
              <a:t>お疲れさまでした！</a:t>
            </a:r>
          </a:p>
        </p:txBody>
      </p:sp>
      <p:sp>
        <p:nvSpPr>
          <p:cNvPr id="3" name="スライド番号プレースホルダー 2">
            <a:extLst>
              <a:ext uri="{FF2B5EF4-FFF2-40B4-BE49-F238E27FC236}">
                <a16:creationId xmlns:a16="http://schemas.microsoft.com/office/drawing/2014/main" id="{54C334B2-722C-AB76-224F-521606FC08E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60</a:t>
            </a:fld>
            <a:endParaRPr kumimoji="1" lang="ja-JP" altLang="en-US"/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86E0F395-C31D-A019-89DC-66E647A7C6FA}"/>
              </a:ext>
            </a:extLst>
          </p:cNvPr>
          <p:cNvSpPr txBox="1"/>
          <p:nvPr/>
        </p:nvSpPr>
        <p:spPr>
          <a:xfrm>
            <a:off x="1681317" y="3998657"/>
            <a:ext cx="6417141" cy="133882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700"/>
              <a:t>ご質問、相談などは、どうぞお気軽に！</a:t>
            </a:r>
            <a:endParaRPr lang="en-US" altLang="ja-JP" sz="2700" dirty="0"/>
          </a:p>
          <a:p>
            <a:endParaRPr lang="en-US" altLang="ja-JP" sz="2700" dirty="0"/>
          </a:p>
          <a:p>
            <a:r>
              <a:rPr lang="en-US" altLang="ja-JP" sz="2700" dirty="0"/>
              <a:t>ueno.1956yoshi@gmail.com</a:t>
            </a:r>
            <a:endParaRPr lang="ja-JP" altLang="en-US" sz="2700" dirty="0"/>
          </a:p>
        </p:txBody>
      </p:sp>
    </p:spTree>
    <p:extLst>
      <p:ext uri="{BB962C8B-B14F-4D97-AF65-F5344CB8AC3E}">
        <p14:creationId xmlns:p14="http://schemas.microsoft.com/office/powerpoint/2010/main" val="2392464876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9938" name="図 1" descr="05[1].gif">
            <a:extLst>
              <a:ext uri="{FF2B5EF4-FFF2-40B4-BE49-F238E27FC236}">
                <a16:creationId xmlns:a16="http://schemas.microsoft.com/office/drawing/2014/main" id="{A8BAA17F-02DC-1D32-DB06-E98373F8AE95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49328" y="1251347"/>
            <a:ext cx="3851672" cy="4648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9939" name="テキスト ボックス 1">
            <a:extLst>
              <a:ext uri="{FF2B5EF4-FFF2-40B4-BE49-F238E27FC236}">
                <a16:creationId xmlns:a16="http://schemas.microsoft.com/office/drawing/2014/main" id="{2A965FE7-8D1B-2BE9-7237-B137E86BBDB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82276" y="1539479"/>
            <a:ext cx="3969356" cy="4154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従来設計の</a:t>
            </a:r>
            <a:r>
              <a:rPr lang="ja-JP" altLang="en-US" sz="2100" b="1" dirty="0">
                <a:latin typeface="Arial" panose="020B0604020202020204" pitchFamily="34" charset="0"/>
              </a:rPr>
              <a:t>鋼重最小主義の改定</a:t>
            </a:r>
          </a:p>
        </p:txBody>
      </p:sp>
      <p:sp>
        <p:nvSpPr>
          <p:cNvPr id="39940" name="テキスト ボックス 3">
            <a:extLst>
              <a:ext uri="{FF2B5EF4-FFF2-40B4-BE49-F238E27FC236}">
                <a16:creationId xmlns:a16="http://schemas.microsoft.com/office/drawing/2014/main" id="{BDBBAB6F-BF73-76B0-2F7A-8EAE5031EEE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730599" y="3226774"/>
            <a:ext cx="2685352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2100" dirty="0">
                <a:latin typeface="Arial" panose="020B0604020202020204" pitchFamily="34" charset="0"/>
              </a:rPr>
              <a:t>合理化設計</a:t>
            </a:r>
            <a:r>
              <a:rPr lang="ja-JP" altLang="en-US" sz="1500" b="1" dirty="0">
                <a:latin typeface="Arial" panose="020B0604020202020204" pitchFamily="34" charset="0"/>
              </a:rPr>
              <a:t>労力最小主義</a:t>
            </a:r>
            <a:endParaRPr lang="en-US" altLang="ja-JP" sz="1500" b="1" dirty="0">
              <a:latin typeface="Arial" panose="020B0604020202020204" pitchFamily="34" charset="0"/>
            </a:endParaRPr>
          </a:p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1500" b="1" dirty="0">
                <a:latin typeface="Arial" panose="020B0604020202020204" pitchFamily="34" charset="0"/>
              </a:rPr>
              <a:t>自動化、ロボット化の容易性</a:t>
            </a:r>
          </a:p>
        </p:txBody>
      </p:sp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773D8F98-54E0-28D4-CA98-7DAB6033489C}"/>
              </a:ext>
            </a:extLst>
          </p:cNvPr>
          <p:cNvSpPr txBox="1"/>
          <p:nvPr/>
        </p:nvSpPr>
        <p:spPr>
          <a:xfrm>
            <a:off x="587288" y="1953430"/>
            <a:ext cx="2877711" cy="1384995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eaLnBrk="1" hangingPunct="1">
              <a:defRPr/>
            </a:pPr>
            <a:r>
              <a:rPr lang="en-US" altLang="ja-JP" sz="2100" dirty="0">
                <a:solidFill>
                  <a:schemeClr val="tx2">
                    <a:lumMod val="75000"/>
                  </a:schemeClr>
                </a:solidFill>
                <a:latin typeface="Arial" charset="0"/>
              </a:rPr>
              <a:t>H</a:t>
            </a:r>
            <a:r>
              <a:rPr lang="ja-JP" altLang="en-US" sz="2100" dirty="0">
                <a:solidFill>
                  <a:schemeClr val="tx2">
                    <a:lumMod val="75000"/>
                  </a:schemeClr>
                </a:solidFill>
                <a:latin typeface="Arial" charset="0"/>
              </a:rPr>
              <a:t>８年に改定　</a:t>
            </a:r>
            <a:endParaRPr lang="en-US" altLang="ja-JP" sz="2100" dirty="0">
              <a:solidFill>
                <a:schemeClr val="tx2">
                  <a:lumMod val="75000"/>
                </a:schemeClr>
              </a:solidFill>
              <a:latin typeface="Arial" charset="0"/>
            </a:endParaRPr>
          </a:p>
          <a:p>
            <a:pPr eaLnBrk="1" hangingPunct="1">
              <a:defRPr/>
            </a:pPr>
            <a:r>
              <a:rPr lang="ja-JP" altLang="en-US" sz="2100" dirty="0">
                <a:solidFill>
                  <a:srgbClr val="FF0000"/>
                </a:solidFill>
                <a:latin typeface="Arial" charset="0"/>
              </a:rPr>
              <a:t>積算体系を変えないと</a:t>
            </a:r>
            <a:endParaRPr lang="en-US" altLang="ja-JP" sz="2100" dirty="0">
              <a:solidFill>
                <a:srgbClr val="FF0000"/>
              </a:solidFill>
              <a:latin typeface="Arial" charset="0"/>
            </a:endParaRPr>
          </a:p>
          <a:p>
            <a:pPr eaLnBrk="1" hangingPunct="1">
              <a:defRPr/>
            </a:pPr>
            <a:r>
              <a:rPr lang="ja-JP" altLang="en-US" sz="2100" dirty="0">
                <a:solidFill>
                  <a:srgbClr val="FF0000"/>
                </a:solidFill>
                <a:latin typeface="Arial" charset="0"/>
              </a:rPr>
              <a:t>設計思想は変わらない</a:t>
            </a:r>
            <a:endParaRPr lang="en-US" altLang="ja-JP" sz="2100" dirty="0">
              <a:solidFill>
                <a:schemeClr val="tx2">
                  <a:lumMod val="75000"/>
                </a:schemeClr>
              </a:solidFill>
              <a:latin typeface="Arial" charset="0"/>
            </a:endParaRPr>
          </a:p>
          <a:p>
            <a:pPr eaLnBrk="1" hangingPunct="1">
              <a:defRPr/>
            </a:pPr>
            <a:r>
              <a:rPr lang="ja-JP" altLang="en-US" sz="2100" dirty="0">
                <a:solidFill>
                  <a:schemeClr val="tx2">
                    <a:lumMod val="75000"/>
                  </a:schemeClr>
                </a:solidFill>
                <a:latin typeface="Arial" charset="0"/>
              </a:rPr>
              <a:t>二次的に</a:t>
            </a:r>
            <a:r>
              <a:rPr lang="ja-JP" altLang="en-US" sz="2100" dirty="0">
                <a:solidFill>
                  <a:srgbClr val="FF0000"/>
                </a:solidFill>
                <a:latin typeface="Arial" charset="0"/>
              </a:rPr>
              <a:t>剛度</a:t>
            </a:r>
            <a:r>
              <a:rPr lang="ja-JP" altLang="en-US" sz="2100" dirty="0">
                <a:solidFill>
                  <a:schemeClr val="tx2">
                    <a:lumMod val="75000"/>
                  </a:schemeClr>
                </a:solidFill>
                <a:latin typeface="Arial" charset="0"/>
              </a:rPr>
              <a:t>アップ</a:t>
            </a:r>
          </a:p>
        </p:txBody>
      </p:sp>
      <p:sp>
        <p:nvSpPr>
          <p:cNvPr id="39942" name="正方形/長方形 2">
            <a:extLst>
              <a:ext uri="{FF2B5EF4-FFF2-40B4-BE49-F238E27FC236}">
                <a16:creationId xmlns:a16="http://schemas.microsoft.com/office/drawing/2014/main" id="{74A06C08-6411-EFBD-BC05-DE7428253E29}"/>
              </a:ext>
            </a:extLst>
          </p:cNvPr>
          <p:cNvSpPr>
            <a:spLocks noChangeArrowheads="1"/>
          </p:cNvSpPr>
          <p:nvPr/>
        </p:nvSpPr>
        <p:spPr bwMode="auto">
          <a:xfrm>
            <a:off x="53323" y="1050441"/>
            <a:ext cx="2723823" cy="6001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3300" dirty="0">
                <a:latin typeface="Arial" panose="020B0604020202020204" pitchFamily="34" charset="0"/>
              </a:rPr>
              <a:t>鋼橋積算改定</a:t>
            </a:r>
          </a:p>
        </p:txBody>
      </p:sp>
      <p:sp>
        <p:nvSpPr>
          <p:cNvPr id="39943" name="テキスト ボックス 2">
            <a:extLst>
              <a:ext uri="{FF2B5EF4-FFF2-40B4-BE49-F238E27FC236}">
                <a16:creationId xmlns:a16="http://schemas.microsoft.com/office/drawing/2014/main" id="{605EA94D-5753-9B07-CF87-2D555F8C28B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38169" y="3926451"/>
            <a:ext cx="2563522" cy="11310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ja-JP" sz="1350" b="1" dirty="0">
                <a:latin typeface="Arial" panose="020B0604020202020204" pitchFamily="34" charset="0"/>
              </a:rPr>
              <a:t>※</a:t>
            </a:r>
            <a:r>
              <a:rPr lang="ja-JP" altLang="en-US" sz="1350" b="1" dirty="0">
                <a:latin typeface="Arial" panose="020B0604020202020204" pitchFamily="34" charset="0"/>
              </a:rPr>
              <a:t>新たな仕組み。</a:t>
            </a:r>
            <a:endParaRPr lang="en-US" altLang="ja-JP" sz="1350" b="1" dirty="0">
              <a:latin typeface="Arial" panose="020B0604020202020204" pitchFamily="34" charset="0"/>
            </a:endParaRPr>
          </a:p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1350" b="1" dirty="0">
                <a:latin typeface="Arial" panose="020B0604020202020204" pitchFamily="34" charset="0"/>
              </a:rPr>
              <a:t>・数万ケースの試設計と試積算、</a:t>
            </a:r>
            <a:endParaRPr lang="en-US" altLang="ja-JP" sz="1350" b="1" dirty="0">
              <a:latin typeface="Arial" panose="020B0604020202020204" pitchFamily="34" charset="0"/>
            </a:endParaRPr>
          </a:p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1350" b="1" dirty="0">
                <a:latin typeface="Arial" panose="020B0604020202020204" pitchFamily="34" charset="0"/>
              </a:rPr>
              <a:t>・メーカーヒアリング</a:t>
            </a:r>
            <a:endParaRPr lang="en-US" altLang="ja-JP" sz="1350" b="1" dirty="0">
              <a:latin typeface="Arial" panose="020B0604020202020204" pitchFamily="34" charset="0"/>
            </a:endParaRPr>
          </a:p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1350" b="1" dirty="0">
                <a:latin typeface="Arial" panose="020B0604020202020204" pitchFamily="34" charset="0"/>
              </a:rPr>
              <a:t>・国交省と橋建協との調整、</a:t>
            </a:r>
            <a:endParaRPr lang="en-US" altLang="ja-JP" sz="1350" b="1" dirty="0">
              <a:latin typeface="Arial" panose="020B0604020202020204" pitchFamily="34" charset="0"/>
            </a:endParaRPr>
          </a:p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1350" b="1" dirty="0">
                <a:latin typeface="Arial" panose="020B0604020202020204" pitchFamily="34" charset="0"/>
              </a:rPr>
              <a:t>・年に</a:t>
            </a:r>
            <a:r>
              <a:rPr lang="en-US" altLang="ja-JP" sz="1350" b="1" dirty="0">
                <a:latin typeface="Arial" panose="020B0604020202020204" pitchFamily="34" charset="0"/>
              </a:rPr>
              <a:t>1</a:t>
            </a:r>
            <a:r>
              <a:rPr lang="ja-JP" altLang="en-US" sz="1350" b="1" dirty="0">
                <a:latin typeface="Arial" panose="020B0604020202020204" pitchFamily="34" charset="0"/>
              </a:rPr>
              <a:t>度のメーカー査察</a:t>
            </a:r>
            <a:endParaRPr lang="en-US" altLang="ja-JP" sz="1350" b="1" dirty="0">
              <a:latin typeface="Arial" panose="020B0604020202020204" pitchFamily="34" charset="0"/>
            </a:endParaRPr>
          </a:p>
        </p:txBody>
      </p:sp>
      <p:sp>
        <p:nvSpPr>
          <p:cNvPr id="39944" name="テキスト ボックス 7">
            <a:extLst>
              <a:ext uri="{FF2B5EF4-FFF2-40B4-BE49-F238E27FC236}">
                <a16:creationId xmlns:a16="http://schemas.microsoft.com/office/drawing/2014/main" id="{52CD0DA9-E152-117B-440D-D2D25B99188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045619" y="987029"/>
            <a:ext cx="4262705" cy="5539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3000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「合理化桁」</a:t>
            </a:r>
            <a:r>
              <a:rPr lang="en-US" altLang="ja-JP" sz="3000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30</a:t>
            </a:r>
            <a:r>
              <a:rPr lang="ja-JP" altLang="en-US" sz="3000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～</a:t>
            </a:r>
            <a:r>
              <a:rPr lang="en-US" altLang="ja-JP" sz="3000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40</a:t>
            </a:r>
            <a:r>
              <a:rPr lang="ja-JP" altLang="en-US" sz="3000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代</a:t>
            </a: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70D40441-1A99-02D1-A192-DCB37E879CFA}"/>
              </a:ext>
            </a:extLst>
          </p:cNvPr>
          <p:cNvSpPr txBox="1"/>
          <p:nvPr/>
        </p:nvSpPr>
        <p:spPr>
          <a:xfrm>
            <a:off x="520759" y="5160265"/>
            <a:ext cx="3416320" cy="73866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2100" b="1" dirty="0">
                <a:solidFill>
                  <a:srgbClr val="FF0000"/>
                </a:solidFill>
              </a:rPr>
              <a:t>設計の標準化は、</a:t>
            </a:r>
            <a:endParaRPr lang="en-US" altLang="ja-JP" sz="2100" b="1" dirty="0">
              <a:solidFill>
                <a:srgbClr val="FF0000"/>
              </a:solidFill>
            </a:endParaRPr>
          </a:p>
          <a:p>
            <a:r>
              <a:rPr lang="ja-JP" altLang="en-US" sz="2100" b="1" dirty="0">
                <a:solidFill>
                  <a:srgbClr val="FF0000"/>
                </a:solidFill>
              </a:rPr>
              <a:t>合理化、生産性向上の初歩</a:t>
            </a:r>
          </a:p>
        </p:txBody>
      </p:sp>
      <p:sp>
        <p:nvSpPr>
          <p:cNvPr id="4" name="スライド番号プレースホルダー 3">
            <a:extLst>
              <a:ext uri="{FF2B5EF4-FFF2-40B4-BE49-F238E27FC236}">
                <a16:creationId xmlns:a16="http://schemas.microsoft.com/office/drawing/2014/main" id="{21F45C90-E535-4F44-FF67-01427C0B353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6545E97-F017-4993-8E0F-1F0B98A93716}" type="slidenum">
              <a:rPr kumimoji="1" lang="ja-JP" altLang="en-US" smtClean="0"/>
              <a:t>7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957059409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450" name="スライド番号プレースホルダー 1">
            <a:extLst>
              <a:ext uri="{FF2B5EF4-FFF2-40B4-BE49-F238E27FC236}">
                <a16:creationId xmlns:a16="http://schemas.microsoft.com/office/drawing/2014/main" id="{E37B6A89-2467-F252-CB94-6996492909E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 bwMode="auto">
          <a:xfrm>
            <a:off x="5381626" y="7040166"/>
            <a:ext cx="2917031" cy="357188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t"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557213" indent="-214313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857250" indent="-1714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200150" indent="-1714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1543050" indent="-1714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1885950" indent="-1714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228850" indent="-1714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2571750" indent="-1714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2914650" indent="-17145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/>
            <a:fld id="{6B399A51-7107-48C3-9365-89FA5720C144}" type="slidenum">
              <a:rPr lang="en-US" altLang="ja-JP">
                <a:solidFill>
                  <a:srgbClr val="0033CC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pPr algn="ctr"/>
              <a:t>8</a:t>
            </a:fld>
            <a:endParaRPr lang="en-US" altLang="ja-JP">
              <a:solidFill>
                <a:srgbClr val="0033CC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pic>
        <p:nvPicPr>
          <p:cNvPr id="3" name="Picture 4">
            <a:extLst>
              <a:ext uri="{FF2B5EF4-FFF2-40B4-BE49-F238E27FC236}">
                <a16:creationId xmlns:a16="http://schemas.microsoft.com/office/drawing/2014/main" id="{AB380AF9-8157-F13A-5003-75F210AA855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643437" y="870348"/>
            <a:ext cx="3500438" cy="261223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104452" name="Picture 2" descr="画像 019">
            <a:extLst>
              <a:ext uri="{FF2B5EF4-FFF2-40B4-BE49-F238E27FC236}">
                <a16:creationId xmlns:a16="http://schemas.microsoft.com/office/drawing/2014/main" id="{3502533E-759D-E1A9-59A8-4427695CC6F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3000" y="857250"/>
            <a:ext cx="3500438" cy="26253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4454" name="テキスト ボックス 1">
            <a:extLst>
              <a:ext uri="{FF2B5EF4-FFF2-40B4-BE49-F238E27FC236}">
                <a16:creationId xmlns:a16="http://schemas.microsoft.com/office/drawing/2014/main" id="{82D5BB29-F509-3729-7195-FD89FD26B4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554143" y="118586"/>
            <a:ext cx="4744728" cy="7386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lang="ja-JP" altLang="en-US" sz="21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マネジメントへの目覚め（４０歳）</a:t>
            </a:r>
            <a:endParaRPr lang="en-US" altLang="ja-JP" sz="21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r>
              <a:rPr lang="ja-JP" altLang="en-US" sz="210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　　</a:t>
            </a:r>
            <a:endParaRPr lang="ja-JP" altLang="en-US" sz="21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  <p:sp>
        <p:nvSpPr>
          <p:cNvPr id="104455" name="テキスト ボックス 1">
            <a:extLst>
              <a:ext uri="{FF2B5EF4-FFF2-40B4-BE49-F238E27FC236}">
                <a16:creationId xmlns:a16="http://schemas.microsoft.com/office/drawing/2014/main" id="{4DF531DE-4409-089E-B7C7-4DCC3EE0927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45343" y="3562365"/>
            <a:ext cx="8298657" cy="26776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lang="ja-JP" altLang="en-US" sz="2100" b="1" dirty="0"/>
              <a:t>韓国　テグ～ブサン高速道路</a:t>
            </a:r>
            <a:r>
              <a:rPr lang="en-US" altLang="ja-JP" sz="2100" b="1" dirty="0"/>
              <a:t>PFI</a:t>
            </a:r>
            <a:r>
              <a:rPr lang="ja-JP" altLang="en-US" sz="2100" b="1" dirty="0"/>
              <a:t>事業　</a:t>
            </a:r>
            <a:endParaRPr lang="en-US" altLang="ja-JP" sz="2100" dirty="0"/>
          </a:p>
          <a:p>
            <a:r>
              <a:rPr lang="ja-JP" altLang="en-US" sz="2100" dirty="0"/>
              <a:t>橋梁１０５橋、トンネル</a:t>
            </a:r>
            <a:r>
              <a:rPr lang="en-US" altLang="ja-JP" sz="2100" dirty="0"/>
              <a:t>13</a:t>
            </a:r>
            <a:r>
              <a:rPr lang="ja-JP" altLang="en-US" sz="2100" dirty="0"/>
              <a:t>本</a:t>
            </a:r>
            <a:endParaRPr lang="en-US" altLang="ja-JP" sz="2100" dirty="0"/>
          </a:p>
          <a:p>
            <a:r>
              <a:rPr lang="en-US" altLang="ja-JP" sz="2100" dirty="0"/>
              <a:t>1</a:t>
            </a:r>
            <a:r>
              <a:rPr lang="ja-JP" altLang="en-US" sz="2100" dirty="0"/>
              <a:t>年間の設計照査と</a:t>
            </a:r>
            <a:r>
              <a:rPr lang="en-US" altLang="ja-JP" sz="2100" dirty="0"/>
              <a:t>4</a:t>
            </a:r>
            <a:r>
              <a:rPr lang="ja-JP" altLang="en-US" sz="2100" dirty="0"/>
              <a:t>年間の施工管理（</a:t>
            </a:r>
            <a:r>
              <a:rPr lang="en-US" altLang="ja-JP" sz="2100" dirty="0"/>
              <a:t>CM</a:t>
            </a:r>
            <a:r>
              <a:rPr lang="ja-JP" altLang="en-US" sz="2100" dirty="0"/>
              <a:t>）、モニタリンング</a:t>
            </a:r>
            <a:endParaRPr lang="en-US" altLang="ja-JP" sz="2100" dirty="0"/>
          </a:p>
          <a:p>
            <a:endParaRPr lang="en-US" altLang="ja-JP" sz="2100" dirty="0"/>
          </a:p>
          <a:p>
            <a:r>
              <a:rPr lang="ja-JP" altLang="en-US" sz="2100" dirty="0"/>
              <a:t>韓国では</a:t>
            </a:r>
            <a:r>
              <a:rPr lang="en-US" altLang="ja-JP" sz="2100" dirty="0"/>
              <a:t>2000</a:t>
            </a:r>
            <a:r>
              <a:rPr lang="ja-JP" altLang="en-US" sz="2100" dirty="0"/>
              <a:t>年に欧米では</a:t>
            </a:r>
            <a:r>
              <a:rPr lang="en-US" altLang="ja-JP" sz="2100" dirty="0"/>
              <a:t>1980</a:t>
            </a:r>
            <a:r>
              <a:rPr lang="ja-JP" altLang="en-US" sz="2100" dirty="0"/>
              <a:t>年代から実施。</a:t>
            </a:r>
            <a:endParaRPr lang="en-US" altLang="ja-JP" sz="2100" dirty="0"/>
          </a:p>
          <a:p>
            <a:endParaRPr lang="en-US" altLang="ja-JP" sz="2100" dirty="0"/>
          </a:p>
          <a:p>
            <a:r>
              <a:rPr lang="ja-JP" altLang="en-US" sz="2100" dirty="0"/>
              <a:t>ここで、わたしの「マネジメント思考」が生まれた！</a:t>
            </a:r>
            <a:endParaRPr lang="en-US" altLang="ja-JP" sz="2100" dirty="0"/>
          </a:p>
          <a:p>
            <a:endParaRPr lang="ja-JP" altLang="en-US" sz="2100" dirty="0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F652D511-F8C6-862D-A92D-38D88A04069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50E13FB-DCAF-430E-9FD5-74CCF70954EF}" type="slidenum">
              <a:rPr lang="en-US" altLang="ja-JP" smtClean="0">
                <a:solidFill>
                  <a:srgbClr val="000000"/>
                </a:solidFill>
              </a:rPr>
              <a:pPr/>
              <a:t>9</a:t>
            </a:fld>
            <a:endParaRPr lang="en-US" altLang="ja-JP">
              <a:solidFill>
                <a:srgbClr val="000000"/>
              </a:solidFill>
            </a:endParaRP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26B6B0B8-DE1A-4B7C-AAC8-E0AB6A360189}"/>
              </a:ext>
            </a:extLst>
          </p:cNvPr>
          <p:cNvSpPr txBox="1"/>
          <p:nvPr/>
        </p:nvSpPr>
        <p:spPr>
          <a:xfrm>
            <a:off x="1732762" y="1536415"/>
            <a:ext cx="4185761" cy="355481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3300" dirty="0"/>
              <a:t>橋梁等の老朽化</a:t>
            </a:r>
            <a:endParaRPr lang="en-US" altLang="ja-JP" sz="3300" dirty="0"/>
          </a:p>
          <a:p>
            <a:endParaRPr lang="en-US" altLang="ja-JP" sz="2400" dirty="0"/>
          </a:p>
          <a:p>
            <a:r>
              <a:rPr lang="ja-JP" altLang="en-US" sz="2400" dirty="0"/>
              <a:t>本当に老朽化が原因か？</a:t>
            </a:r>
            <a:endParaRPr lang="en-US" altLang="ja-JP" sz="2400" dirty="0"/>
          </a:p>
          <a:p>
            <a:r>
              <a:rPr lang="ja-JP" altLang="en-US" sz="2400" dirty="0"/>
              <a:t>点検は適切だったのか？</a:t>
            </a:r>
            <a:endParaRPr lang="en-US" altLang="ja-JP" sz="2400" dirty="0"/>
          </a:p>
          <a:p>
            <a:r>
              <a:rPr lang="ja-JP" altLang="en-US" sz="2400" dirty="0"/>
              <a:t>診断は？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補修材料の選定は？工法は？</a:t>
            </a:r>
            <a:endParaRPr lang="en-US" altLang="ja-JP" sz="2400" dirty="0"/>
          </a:p>
          <a:p>
            <a:r>
              <a:rPr lang="ja-JP" altLang="en-US" sz="2400" dirty="0"/>
              <a:t>早期再劣化は？</a:t>
            </a:r>
            <a:endParaRPr lang="en-US" altLang="ja-JP" sz="2400" dirty="0"/>
          </a:p>
          <a:p>
            <a:r>
              <a:rPr lang="ja-JP" altLang="en-US" sz="2400" dirty="0"/>
              <a:t>新たな脅威「災害の増加」</a:t>
            </a:r>
          </a:p>
        </p:txBody>
      </p:sp>
    </p:spTree>
    <p:extLst>
      <p:ext uri="{BB962C8B-B14F-4D97-AF65-F5344CB8AC3E}">
        <p14:creationId xmlns:p14="http://schemas.microsoft.com/office/powerpoint/2010/main" val="2430663733"/>
      </p:ext>
    </p:extLst>
  </p:cSld>
  <p:clrMapOvr>
    <a:masterClrMapping/>
  </p:clrMapOvr>
</p:sld>
</file>

<file path=ppt/theme/_rels/themeOverrid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62.jpeg"/></Relationships>
</file>

<file path=ppt/theme/theme1.xml><?xml version="1.0" encoding="utf-8"?>
<a:theme xmlns:a="http://schemas.openxmlformats.org/drawingml/2006/main" name="Office テーマ">
  <a:themeElements>
    <a:clrScheme name="Office テーマ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テーマ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テーマ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2013 - 2022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游ゴシック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游ゴシック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アース">
    <a:dk1>
      <a:sysClr val="windowText" lastClr="000000"/>
    </a:dk1>
    <a:lt1>
      <a:sysClr val="window" lastClr="FFFFFF"/>
    </a:lt1>
    <a:dk2>
      <a:srgbClr val="464653"/>
    </a:dk2>
    <a:lt2>
      <a:srgbClr val="DDE9EC"/>
    </a:lt2>
    <a:accent1>
      <a:srgbClr val="727CA3"/>
    </a:accent1>
    <a:accent2>
      <a:srgbClr val="9FB8CD"/>
    </a:accent2>
    <a:accent3>
      <a:srgbClr val="D2DA7A"/>
    </a:accent3>
    <a:accent4>
      <a:srgbClr val="FADA7A"/>
    </a:accent4>
    <a:accent5>
      <a:srgbClr val="B88472"/>
    </a:accent5>
    <a:accent6>
      <a:srgbClr val="8E736A"/>
    </a:accent6>
    <a:hlink>
      <a:srgbClr val="B292CA"/>
    </a:hlink>
    <a:folHlink>
      <a:srgbClr val="6B5680"/>
    </a:folHlink>
  </a:clrScheme>
  <a:fontScheme name="アース">
    <a:majorFont>
      <a:latin typeface="Bookman Old Style"/>
      <a:ea typeface=""/>
      <a:cs typeface=""/>
      <a:font script="Grek" typeface="Cambria"/>
      <a:font script="Cyrl" typeface="Cambria"/>
      <a:font script="Jpan" typeface="HG明朝E"/>
      <a:font script="Hang" typeface="돋움"/>
      <a:font script="Hans" typeface="宋体"/>
      <a:font script="Hant" typeface="標楷體"/>
      <a:font script="Arab" typeface="Times New Roman"/>
      <a:font script="Hebr" typeface="Times New Roman"/>
      <a:font script="Thai" typeface="Browalli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Gill Sans MT"/>
      <a:ea typeface=""/>
      <a:cs typeface=""/>
      <a:font script="Grek" typeface="Calibri"/>
      <a:font script="Cyrl" typeface="Calibri"/>
      <a:font script="Jpan" typeface="ＭＳ Ｐゴシック"/>
      <a:font script="Hang" typeface="맑은 고딕"/>
      <a:font script="Hans" typeface="华文新魏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アース">
    <a:fillStyleLst>
      <a:solidFill>
        <a:schemeClr val="phClr"/>
      </a:solidFill>
      <a:gradFill rotWithShape="1">
        <a:gsLst>
          <a:gs pos="0">
            <a:schemeClr val="phClr">
              <a:tint val="45000"/>
              <a:satMod val="200000"/>
            </a:schemeClr>
          </a:gs>
          <a:gs pos="30000">
            <a:schemeClr val="phClr">
              <a:tint val="61000"/>
              <a:satMod val="200000"/>
            </a:schemeClr>
          </a:gs>
          <a:gs pos="45000">
            <a:schemeClr val="phClr">
              <a:tint val="66000"/>
              <a:satMod val="200000"/>
            </a:schemeClr>
          </a:gs>
          <a:gs pos="55000">
            <a:schemeClr val="phClr">
              <a:tint val="66000"/>
              <a:satMod val="200000"/>
            </a:schemeClr>
          </a:gs>
          <a:gs pos="73000">
            <a:schemeClr val="phClr">
              <a:tint val="61000"/>
              <a:satMod val="200000"/>
            </a:schemeClr>
          </a:gs>
          <a:gs pos="100000">
            <a:schemeClr val="phClr">
              <a:tint val="45000"/>
              <a:satMod val="200000"/>
            </a:schemeClr>
          </a:gs>
        </a:gsLst>
        <a:lin ang="950000" scaled="1"/>
      </a:gradFill>
      <a:gradFill rotWithShape="1">
        <a:gsLst>
          <a:gs pos="0">
            <a:schemeClr val="phClr">
              <a:shade val="63000"/>
            </a:schemeClr>
          </a:gs>
          <a:gs pos="30000">
            <a:schemeClr val="phClr">
              <a:shade val="90000"/>
              <a:satMod val="110000"/>
            </a:schemeClr>
          </a:gs>
          <a:gs pos="45000">
            <a:schemeClr val="phClr">
              <a:shade val="100000"/>
              <a:satMod val="118000"/>
            </a:schemeClr>
          </a:gs>
          <a:gs pos="55000">
            <a:schemeClr val="phClr">
              <a:shade val="100000"/>
              <a:satMod val="118000"/>
            </a:schemeClr>
          </a:gs>
          <a:gs pos="73000">
            <a:schemeClr val="phClr">
              <a:shade val="90000"/>
              <a:satMod val="110000"/>
            </a:schemeClr>
          </a:gs>
          <a:gs pos="100000">
            <a:schemeClr val="phClr">
              <a:shade val="63000"/>
            </a:schemeClr>
          </a:gs>
        </a:gsLst>
        <a:lin ang="950000" scaled="1"/>
      </a:gradFill>
    </a:fillStyleLst>
    <a:lnStyleLst>
      <a:ln w="9525" cap="flat" cmpd="sng" algn="ctr">
        <a:solidFill>
          <a:schemeClr val="phClr"/>
        </a:solidFill>
        <a:prstDash val="solid"/>
      </a:ln>
      <a:ln w="19050" cap="flat" cmpd="sng" algn="ctr">
        <a:solidFill>
          <a:schemeClr val="phClr"/>
        </a:solidFill>
        <a:prstDash val="solid"/>
      </a:ln>
      <a:ln w="254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38100" dist="25400" dir="5400000" rotWithShape="0">
            <a:srgbClr val="000000">
              <a:alpha val="40000"/>
            </a:srgbClr>
          </a:outerShdw>
        </a:effectLst>
      </a:effectStyle>
      <a:effectStyle>
        <a:effectLst>
          <a:outerShdw blurRad="50800" dist="43000" dir="5400000" rotWithShape="0">
            <a:srgbClr val="000000">
              <a:alpha val="40000"/>
            </a:srgbClr>
          </a:outerShdw>
        </a:effectLst>
        <a:scene3d>
          <a:camera prst="orthographicFront" fov="0">
            <a:rot lat="0" lon="0" rev="0"/>
          </a:camera>
          <a:lightRig rig="balanced" dir="t">
            <a:rot lat="0" lon="0" rev="0"/>
          </a:lightRig>
        </a:scene3d>
        <a:sp3d prstMaterial="matte">
          <a:bevelT w="0" h="0"/>
          <a:contourClr>
            <a:schemeClr val="phClr">
              <a:tint val="100000"/>
              <a:shade val="100000"/>
              <a:hueMod val="100000"/>
              <a:satMod val="100000"/>
            </a:schemeClr>
          </a:contourClr>
        </a:sp3d>
      </a:effectStyle>
      <a:effectStyle>
        <a:effectLst>
          <a:outerShdw blurRad="50800" dist="25400" dir="5400000" rotWithShape="0">
            <a:srgbClr val="000000">
              <a:alpha val="50000"/>
            </a:srgbClr>
          </a:outerShdw>
        </a:effectLst>
        <a:scene3d>
          <a:camera prst="orthographicFront" fov="0">
            <a:rot lat="0" lon="0" rev="0"/>
          </a:camera>
          <a:lightRig rig="soft" dir="t">
            <a:rot lat="0" lon="0" rev="2700000"/>
          </a:lightRig>
        </a:scene3d>
        <a:sp3d prstMaterial="matte">
          <a:bevelT w="50800" h="50800"/>
          <a:contourClr>
            <a:schemeClr val="phClr"/>
          </a:contourClr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shade val="60000"/>
              <a:satMod val="300000"/>
            </a:schemeClr>
          </a:gs>
          <a:gs pos="30000">
            <a:schemeClr val="phClr">
              <a:shade val="80000"/>
              <a:satMod val="230000"/>
            </a:schemeClr>
          </a:gs>
          <a:gs pos="100000">
            <a:schemeClr val="phClr">
              <a:tint val="97000"/>
              <a:satMod val="220000"/>
            </a:schemeClr>
          </a:gs>
        </a:gsLst>
        <a:lin ang="16200000" scaled="1"/>
      </a:gradFill>
      <a:blipFill>
        <a:blip xmlns:r="http://schemas.openxmlformats.org/officeDocument/2006/relationships" r:embed="rId1">
          <a:duotone>
            <a:schemeClr val="phClr">
              <a:shade val="6000"/>
              <a:satMod val="120000"/>
            </a:schemeClr>
            <a:schemeClr val="phClr">
              <a:tint val="90000"/>
            </a:schemeClr>
          </a:duotone>
        </a:blip>
        <a:tile tx="0" ty="0" sx="35000" sy="40000" flip="x" algn="tl"/>
      </a:blip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Office 2013 - 2022 Theme</Template>
  <TotalTime>2695</TotalTime>
  <Words>6355</Words>
  <Application>Microsoft Office PowerPoint</Application>
  <PresentationFormat>画面に合わせる (4:3)</PresentationFormat>
  <Paragraphs>714</Paragraphs>
  <Slides>60</Slides>
  <Notes>4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24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60</vt:i4>
      </vt:variant>
    </vt:vector>
  </HeadingPairs>
  <TitlesOfParts>
    <vt:vector size="85" baseType="lpstr">
      <vt:lpstr>BIZ</vt:lpstr>
      <vt:lpstr>ＤＦ平成明朝体W7</vt:lpstr>
      <vt:lpstr>HGPｺﾞｼｯｸE</vt:lpstr>
      <vt:lpstr>HGPｺﾞｼｯｸM</vt:lpstr>
      <vt:lpstr>HGP創英角ﾎﾟｯﾌﾟ体</vt:lpstr>
      <vt:lpstr>HGS創英角ﾎﾟｯﾌﾟ体</vt:lpstr>
      <vt:lpstr>HGｺﾞｼｯｸM</vt:lpstr>
      <vt:lpstr>HG丸ｺﾞｼｯｸM-PRO</vt:lpstr>
      <vt:lpstr>HG創英角ﾎﾟｯﾌﾟ体</vt:lpstr>
      <vt:lpstr>ＭＳ Ｐゴシック</vt:lpstr>
      <vt:lpstr>ＭＳ ゴシック</vt:lpstr>
      <vt:lpstr>UD デジタル 教科書体 N-B</vt:lpstr>
      <vt:lpstr>ヒラギノ角ゴ Pro W3</vt:lpstr>
      <vt:lpstr>Meiryo</vt:lpstr>
      <vt:lpstr>Meiryo</vt:lpstr>
      <vt:lpstr>游ゴシック</vt:lpstr>
      <vt:lpstr>游明朝</vt:lpstr>
      <vt:lpstr>Arial</vt:lpstr>
      <vt:lpstr>Calibri</vt:lpstr>
      <vt:lpstr>Calibri Light</vt:lpstr>
      <vt:lpstr>Century</vt:lpstr>
      <vt:lpstr>Tahoma</vt:lpstr>
      <vt:lpstr>Times New Roman</vt:lpstr>
      <vt:lpstr>Wingdings</vt:lpstr>
      <vt:lpstr>Office テーマ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現在の委員会など活動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現在の一番の不安 高速道路上のオーバーブリッジ　　　　 ⇒実は当時の設計ミスでは？（設計時の鉄筋量の不足は確認している）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構造物点検　非破壊検査手法の活用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　維持管理における課題</vt:lpstr>
      <vt:lpstr>PowerPoint プレゼンテーション</vt:lpstr>
      <vt:lpstr>PowerPoint プレゼンテーション</vt:lpstr>
      <vt:lpstr>PowerPoint プレゼンテーション</vt:lpstr>
      <vt:lpstr>今後の課題</vt:lpstr>
      <vt:lpstr>PowerPoint プレゼンテーション</vt:lpstr>
      <vt:lpstr>PowerPoint プレゼンテーション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植野 芳彦</dc:creator>
  <cp:lastModifiedBy>芳彦 植野</cp:lastModifiedBy>
  <cp:revision>19</cp:revision>
  <cp:lastPrinted>2022-11-08T20:06:31Z</cp:lastPrinted>
  <dcterms:created xsi:type="dcterms:W3CDTF">2022-09-05T06:44:30Z</dcterms:created>
  <dcterms:modified xsi:type="dcterms:W3CDTF">2024-01-09T08:41:51Z</dcterms:modified>
</cp:coreProperties>
</file>